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/>
  <xr:revisionPtr revIDLastSave="0" documentId="13_ncr:1_{5C6160D4-7ABC-4E66-AC1F-CC51AB080FE4}" xr6:coauthVersionLast="47" xr6:coauthVersionMax="47" xr10:uidLastSave="{00000000-0000-0000-0000-000000000000}"/>
  <bookViews>
    <workbookView xWindow="204" yWindow="96" windowWidth="15192" windowHeight="12144" tabRatio="812" xr2:uid="{4B47CFCC-342C-4595-8E9B-BD0C7BE522C1}"/>
  </bookViews>
  <sheets>
    <sheet name="様式5歳入一覧" sheetId="89" r:id="rId1"/>
    <sheet name="カメラ" sheetId="85" state="hidden" r:id="rId2"/>
  </sheets>
  <externalReferences>
    <externalReference r:id="rId3"/>
    <externalReference r:id="rId4"/>
  </externalReferences>
  <definedNames>
    <definedName name="_xlnm._FilterDatabase" localSheetId="0" hidden="1">様式5歳入一覧!$A$6:$Z$15</definedName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様式5歳入一覧!$A$1:$K$16</definedName>
    <definedName name="_xlnm.Print_Titles" localSheetId="0">様式5歳入一覧!$4:$7</definedName>
    <definedName name="rrr">'[1]様式16（見直しチェックシート）'!$U$53:$V$53</definedName>
    <definedName name="Z_01EAA192_030B_4B32_8504_E8B9ACF08987_.wvu.FilterData" localSheetId="0" hidden="1">様式5歳入一覧!$A$6:$K$15</definedName>
    <definedName name="Z_03AE82A1_1BE2_4ECA_87A2_03B930490FC4_.wvu.FilterData" localSheetId="0" hidden="1">様式5歳入一覧!$A$6:$Z$15</definedName>
    <definedName name="Z_04C8A1BA_9D22_46C9_9CEB_2BC0004FC685_.wvu.FilterData" localSheetId="0" hidden="1">様式5歳入一覧!$B$6:$K$15</definedName>
    <definedName name="Z_04D09D8C_94A5_461B_8EBD_462A08259C45_.wvu.FilterData" localSheetId="0" hidden="1">様式5歳入一覧!$A$6:$Z$15</definedName>
    <definedName name="Z_052F3F11_C124_459E_99F9_1A701D48C614_.wvu.Cols" localSheetId="0" hidden="1">様式5歳入一覧!#REF!</definedName>
    <definedName name="Z_052F3F11_C124_459E_99F9_1A701D48C614_.wvu.FilterData" localSheetId="0" hidden="1">様式5歳入一覧!$A$6:$Z$15</definedName>
    <definedName name="Z_052F3F11_C124_459E_99F9_1A701D48C614_.wvu.PrintArea" localSheetId="0" hidden="1">様式5歳入一覧!$A$1:$K$16</definedName>
    <definedName name="Z_052F3F11_C124_459E_99F9_1A701D48C614_.wvu.PrintTitles" localSheetId="0" hidden="1">様式5歳入一覧!$4:$7</definedName>
    <definedName name="Z_06B37801_B90C_4714_B129_94818EB4F65E_.wvu.Cols" localSheetId="0" hidden="1">様式5歳入一覧!#REF!</definedName>
    <definedName name="Z_06B37801_B90C_4714_B129_94818EB4F65E_.wvu.FilterData" localSheetId="0" hidden="1">様式5歳入一覧!$A$6:$Z$15</definedName>
    <definedName name="Z_06B37801_B90C_4714_B129_94818EB4F65E_.wvu.PrintArea" localSheetId="0" hidden="1">様式5歳入一覧!$A$1:$K$16</definedName>
    <definedName name="Z_06B37801_B90C_4714_B129_94818EB4F65E_.wvu.PrintTitles" localSheetId="0" hidden="1">様式5歳入一覧!$4:$7</definedName>
    <definedName name="Z_0984F2AA_60F2_4912_A9FF_2F9A955D5FE3_.wvu.FilterData" localSheetId="0" hidden="1">様式5歳入一覧!$A$7:$Z$15</definedName>
    <definedName name="Z_0C68AD9F_EAAC_4D8C_8595_325E5145CCC9_.wvu.FilterData" localSheetId="0" hidden="1">様式5歳入一覧!$B$6:$K$15</definedName>
    <definedName name="Z_0EC137BB_4649_439E_A306_A2900F1F636A_.wvu.FilterData" localSheetId="0" hidden="1">様式5歳入一覧!$B$6:$K$15</definedName>
    <definedName name="Z_1199D24E_5AB2_4E7F_AA3B_409733D51AC4_.wvu.FilterData" localSheetId="0" hidden="1">様式5歳入一覧!$A$6:$Z$15</definedName>
    <definedName name="Z_1E7D5732_EF56_415D_8F2A_A9A6136A4DC3_.wvu.FilterData" localSheetId="0" hidden="1">様式5歳入一覧!$B$6:$K$15</definedName>
    <definedName name="Z_20E8B0EC_118D_49EF_9836_FFD168BFA307_.wvu.FilterData" localSheetId="0" hidden="1">様式5歳入一覧!$A$6:$K$15</definedName>
    <definedName name="Z_22995149_BE93_441E_A433_BD1625B87C24_.wvu.Cols" localSheetId="0" hidden="1">様式5歳入一覧!#REF!</definedName>
    <definedName name="Z_22995149_BE93_441E_A433_BD1625B87C24_.wvu.FilterData" localSheetId="0" hidden="1">様式5歳入一覧!$A$6:$Z$15</definedName>
    <definedName name="Z_22995149_BE93_441E_A433_BD1625B87C24_.wvu.PrintArea" localSheetId="0" hidden="1">様式5歳入一覧!$A$1:$K$16</definedName>
    <definedName name="Z_22995149_BE93_441E_A433_BD1625B87C24_.wvu.PrintTitles" localSheetId="0" hidden="1">様式5歳入一覧!$4:$7</definedName>
    <definedName name="Z_22CA7278_0BB0_43BE_B164_268A2E7E7747_.wvu.Cols" localSheetId="0" hidden="1">様式5歳入一覧!#REF!</definedName>
    <definedName name="Z_22CA7278_0BB0_43BE_B164_268A2E7E7747_.wvu.FilterData" localSheetId="0" hidden="1">様式5歳入一覧!$A$6:$Z$15</definedName>
    <definedName name="Z_22CA7278_0BB0_43BE_B164_268A2E7E7747_.wvu.PrintArea" localSheetId="0" hidden="1">様式5歳入一覧!$A$1:$K$16</definedName>
    <definedName name="Z_22CA7278_0BB0_43BE_B164_268A2E7E7747_.wvu.PrintTitles" localSheetId="0" hidden="1">様式5歳入一覧!$4:$7</definedName>
    <definedName name="Z_23F43B3A_3258_499E_84AA_5934348FFA54_.wvu.FilterData" localSheetId="0" hidden="1">様式5歳入一覧!$A$6:$Z$15</definedName>
    <definedName name="Z_24D4AB45_3A64_4C2A_93AD_95EA6B944657_.wvu.FilterData" localSheetId="0" hidden="1">様式5歳入一覧!$B$6:$K$15</definedName>
    <definedName name="Z_27FE125A_CAC0_4187_BAC1_FA85A21F8068_.wvu.FilterData" localSheetId="0" hidden="1">様式5歳入一覧!$A$6:$Z$15</definedName>
    <definedName name="Z_291BEBD1_3E67_44D7_B7E4_9799E8B2AEED_.wvu.FilterData" localSheetId="0" hidden="1">様式5歳入一覧!$B$6:$K$15</definedName>
    <definedName name="Z_2AC5AF6D_E947_4E06_81E5_FE5E3908C039_.wvu.Cols" localSheetId="0" hidden="1">様式5歳入一覧!#REF!</definedName>
    <definedName name="Z_2AC5AF6D_E947_4E06_81E5_FE5E3908C039_.wvu.FilterData" localSheetId="0" hidden="1">様式5歳入一覧!$A$6:$Z$15</definedName>
    <definedName name="Z_2AC5AF6D_E947_4E06_81E5_FE5E3908C039_.wvu.PrintArea" localSheetId="0" hidden="1">様式5歳入一覧!$A$1:$K$16</definedName>
    <definedName name="Z_2AC5AF6D_E947_4E06_81E5_FE5E3908C039_.wvu.PrintTitles" localSheetId="0" hidden="1">様式5歳入一覧!$4:$7</definedName>
    <definedName name="Z_2C82E193_3E09_4CE3_80B4_E2A9361A46F4_.wvu.FilterData" localSheetId="0" hidden="1">様式5歳入一覧!$B$6:$K$15</definedName>
    <definedName name="Z_300532A4_C979_47B6_AE96_7529D1452A32_.wvu.FilterData" localSheetId="0" hidden="1">様式5歳入一覧!$A$6:$Z$15</definedName>
    <definedName name="Z_340A5395_F3C0_4C00_AD4A_45ABD0096A3A_.wvu.FilterData" localSheetId="0" hidden="1">様式5歳入一覧!$A$7:$Z$15</definedName>
    <definedName name="Z_366D8082_4247_4BD2_8EA9_CB5780D5FB7B_.wvu.Cols" localSheetId="0" hidden="1">様式5歳入一覧!#REF!</definedName>
    <definedName name="Z_366D8082_4247_4BD2_8EA9_CB5780D5FB7B_.wvu.FilterData" localSheetId="0" hidden="1">様式5歳入一覧!$A$6:$Z$15</definedName>
    <definedName name="Z_366D8082_4247_4BD2_8EA9_CB5780D5FB7B_.wvu.PrintArea" localSheetId="0" hidden="1">様式5歳入一覧!$A$1:$K$16</definedName>
    <definedName name="Z_366D8082_4247_4BD2_8EA9_CB5780D5FB7B_.wvu.PrintTitles" localSheetId="0" hidden="1">様式5歳入一覧!$4:$7</definedName>
    <definedName name="Z_374AF662_332C_4305_9FF2_82EBDABE1ECA_.wvu.FilterData" localSheetId="0" hidden="1">様式5歳入一覧!$B$6:$K$15</definedName>
    <definedName name="Z_38677CFC_38FD_428F_B2E6_28D6556AF30E_.wvu.FilterData" localSheetId="0" hidden="1">様式5歳入一覧!$A$6:$K$15</definedName>
    <definedName name="Z_3EED8F5F_471C_4B50_994D_BB7BEF016969_.wvu.FilterData" localSheetId="0" hidden="1">様式5歳入一覧!$B$6:$K$15</definedName>
    <definedName name="Z_44110B35_593F_4B4A_A409_C3E96DF3A694_.wvu.Cols" localSheetId="0" hidden="1">様式5歳入一覧!#REF!</definedName>
    <definedName name="Z_44110B35_593F_4B4A_A409_C3E96DF3A694_.wvu.FilterData" localSheetId="0" hidden="1">様式5歳入一覧!$A$7:$Z$15</definedName>
    <definedName name="Z_44110B35_593F_4B4A_A409_C3E96DF3A694_.wvu.PrintArea" localSheetId="0" hidden="1">様式5歳入一覧!$A$1:$K$16</definedName>
    <definedName name="Z_44110B35_593F_4B4A_A409_C3E96DF3A694_.wvu.PrintTitles" localSheetId="0" hidden="1">様式5歳入一覧!$4:$7</definedName>
    <definedName name="Z_443FC1F6_4EB0_4043_84B4_EA880B09B87F_.wvu.FilterData" localSheetId="0" hidden="1">様式5歳入一覧!$A$6:$K$15</definedName>
    <definedName name="Z_444B054F_1122_4B41_9106_F9A119111E6C_.wvu.Cols" localSheetId="0" hidden="1">様式5歳入一覧!#REF!</definedName>
    <definedName name="Z_444B054F_1122_4B41_9106_F9A119111E6C_.wvu.FilterData" localSheetId="0" hidden="1">様式5歳入一覧!$A$6:$Z$15</definedName>
    <definedName name="Z_444B054F_1122_4B41_9106_F9A119111E6C_.wvu.PrintArea" localSheetId="0" hidden="1">様式5歳入一覧!$A$1:$K$16</definedName>
    <definedName name="Z_444B054F_1122_4B41_9106_F9A119111E6C_.wvu.PrintTitles" localSheetId="0" hidden="1">様式5歳入一覧!$4:$7</definedName>
    <definedName name="Z_45D004E6_D125_4BDB_B604_8C7F9987A296_.wvu.Cols" localSheetId="0" hidden="1">様式5歳入一覧!#REF!</definedName>
    <definedName name="Z_45D004E6_D125_4BDB_B604_8C7F9987A296_.wvu.FilterData" localSheetId="0" hidden="1">様式5歳入一覧!$A$6:$Z$15</definedName>
    <definedName name="Z_45D004E6_D125_4BDB_B604_8C7F9987A296_.wvu.PrintArea" localSheetId="0" hidden="1">様式5歳入一覧!$A$1:$K$16</definedName>
    <definedName name="Z_45D004E6_D125_4BDB_B604_8C7F9987A296_.wvu.PrintTitles" localSheetId="0" hidden="1">様式5歳入一覧!$4:$7</definedName>
    <definedName name="Z_4697FA6B_DE17_44B8_B6B3_A9559B9E7087_.wvu.Cols" localSheetId="0" hidden="1">様式5歳入一覧!#REF!</definedName>
    <definedName name="Z_4697FA6B_DE17_44B8_B6B3_A9559B9E7087_.wvu.FilterData" localSheetId="0" hidden="1">様式5歳入一覧!$A$6:$Z$15</definedName>
    <definedName name="Z_4697FA6B_DE17_44B8_B6B3_A9559B9E7087_.wvu.PrintArea" localSheetId="0" hidden="1">様式5歳入一覧!$A$1:$K$16</definedName>
    <definedName name="Z_4697FA6B_DE17_44B8_B6B3_A9559B9E7087_.wvu.PrintTitles" localSheetId="0" hidden="1">様式5歳入一覧!$4:$7</definedName>
    <definedName name="Z_4FA438CA_84A7_4E4A_B647_D9C724313A30_.wvu.FilterData" localSheetId="0" hidden="1">様式5歳入一覧!$A$6:$K$15</definedName>
    <definedName name="Z_50AC8F9C_2188_4C12_A141_8BE304C786F0_.wvu.Cols" localSheetId="0" hidden="1">様式5歳入一覧!#REF!</definedName>
    <definedName name="Z_50AC8F9C_2188_4C12_A141_8BE304C786F0_.wvu.FilterData" localSheetId="0" hidden="1">様式5歳入一覧!$A$6:$Z$15</definedName>
    <definedName name="Z_50AC8F9C_2188_4C12_A141_8BE304C786F0_.wvu.PrintArea" localSheetId="0" hidden="1">様式5歳入一覧!$A$1:$K$16</definedName>
    <definedName name="Z_50AC8F9C_2188_4C12_A141_8BE304C786F0_.wvu.PrintTitles" localSheetId="0" hidden="1">様式5歳入一覧!$4:$7</definedName>
    <definedName name="Z_554CCE7A_C6CE_47E9_833C_4F6A16FE021F_.wvu.FilterData" localSheetId="0" hidden="1">様式5歳入一覧!$A$6:$Z$15</definedName>
    <definedName name="Z_5668B71E_8807_468B_9970_38F9A9F9382A_.wvu.FilterData" localSheetId="0" hidden="1">様式5歳入一覧!$B$6:$K$15</definedName>
    <definedName name="Z_56C3E958_62F0_4D5E_80EF_1B0A7490DD11_.wvu.FilterData" localSheetId="0" hidden="1">様式5歳入一覧!$A$6:$Z$15</definedName>
    <definedName name="Z_571E855B_8DA1_45D3_B25A_CFB379B91A2B_.wvu.FilterData" localSheetId="0" hidden="1">様式5歳入一覧!$A$7:$K$15</definedName>
    <definedName name="Z_57745067_BF0B_4087_B5A6_8A5691A551DD_.wvu.FilterData" localSheetId="0" hidden="1">様式5歳入一覧!$A$6:$K$15</definedName>
    <definedName name="Z_581BD237_B078_4701_B24C_0BFF302F5B2F_.wvu.Cols" localSheetId="0" hidden="1">様式5歳入一覧!#REF!</definedName>
    <definedName name="Z_581BD237_B078_4701_B24C_0BFF302F5B2F_.wvu.FilterData" localSheetId="0" hidden="1">様式5歳入一覧!$A$6:$Z$15</definedName>
    <definedName name="Z_581BD237_B078_4701_B24C_0BFF302F5B2F_.wvu.PrintArea" localSheetId="0" hidden="1">様式5歳入一覧!$A$1:$K$16</definedName>
    <definedName name="Z_581BD237_B078_4701_B24C_0BFF302F5B2F_.wvu.PrintTitles" localSheetId="0" hidden="1">様式5歳入一覧!$4:$7</definedName>
    <definedName name="Z_593CF9A4_75B1_449B_AD6A_05BC18F73933_.wvu.FilterData" localSheetId="0" hidden="1">様式5歳入一覧!$A$6:$Z$15</definedName>
    <definedName name="Z_5F0F1A79_0791_4C2C_8D13_6CD22FD0499B_.wvu.Cols" localSheetId="0" hidden="1">様式5歳入一覧!#REF!</definedName>
    <definedName name="Z_5F0F1A79_0791_4C2C_8D13_6CD22FD0499B_.wvu.FilterData" localSheetId="0" hidden="1">様式5歳入一覧!$A$6:$K$15</definedName>
    <definedName name="Z_5F0F1A79_0791_4C2C_8D13_6CD22FD0499B_.wvu.PrintArea" localSheetId="0" hidden="1">様式5歳入一覧!$A$1:$K$16</definedName>
    <definedName name="Z_5F0F1A79_0791_4C2C_8D13_6CD22FD0499B_.wvu.PrintTitles" localSheetId="0" hidden="1">様式5歳入一覧!$4:$7</definedName>
    <definedName name="Z_5F6E0A5B_1F3F_4878_8986_ED55F9EE06F4_.wvu.Cols" localSheetId="0" hidden="1">様式5歳入一覧!#REF!</definedName>
    <definedName name="Z_5F6E0A5B_1F3F_4878_8986_ED55F9EE06F4_.wvu.FilterData" localSheetId="0" hidden="1">様式5歳入一覧!$A$6:$Z$15</definedName>
    <definedName name="Z_5F6E0A5B_1F3F_4878_8986_ED55F9EE06F4_.wvu.PrintArea" localSheetId="0" hidden="1">様式5歳入一覧!$A$1:$K$16</definedName>
    <definedName name="Z_5F6E0A5B_1F3F_4878_8986_ED55F9EE06F4_.wvu.PrintTitles" localSheetId="0" hidden="1">様式5歳入一覧!$4:$7</definedName>
    <definedName name="Z_640D24A1_F93A_49AE_989A_09EA35DB6178_.wvu.FilterData" localSheetId="0" hidden="1">様式5歳入一覧!$A$7:$Z$15</definedName>
    <definedName name="Z_64D5DF4B_9089_4084_958D_1D0FB5779114_.wvu.Cols" localSheetId="0" hidden="1">様式5歳入一覧!#REF!</definedName>
    <definedName name="Z_64D5DF4B_9089_4084_958D_1D0FB5779114_.wvu.FilterData" localSheetId="0" hidden="1">様式5歳入一覧!$A$6:$Z$15</definedName>
    <definedName name="Z_64D5DF4B_9089_4084_958D_1D0FB5779114_.wvu.PrintArea" localSheetId="0" hidden="1">様式5歳入一覧!$A$1:$K$16</definedName>
    <definedName name="Z_64D5DF4B_9089_4084_958D_1D0FB5779114_.wvu.PrintTitles" localSheetId="0" hidden="1">様式5歳入一覧!$4:$7</definedName>
    <definedName name="Z_66224404_EA19_4356_92BE_A2F395931004_.wvu.FilterData" localSheetId="0" hidden="1">様式5歳入一覧!$A$6:$K$15</definedName>
    <definedName name="Z_665488CF_8ABE_4275_9644_48E5F5043390_.wvu.FilterData" localSheetId="0" hidden="1">様式5歳入一覧!$B$6:$K$15</definedName>
    <definedName name="Z_6989C8E8_DF8B_443A_A0DC_63D85A87347B_.wvu.Cols" localSheetId="0" hidden="1">様式5歳入一覧!#REF!</definedName>
    <definedName name="Z_6989C8E8_DF8B_443A_A0DC_63D85A87347B_.wvu.FilterData" localSheetId="0" hidden="1">様式5歳入一覧!$A$6:$Z$15</definedName>
    <definedName name="Z_6989C8E8_DF8B_443A_A0DC_63D85A87347B_.wvu.PrintArea" localSheetId="0" hidden="1">様式5歳入一覧!$A$1:$K$16</definedName>
    <definedName name="Z_6989C8E8_DF8B_443A_A0DC_63D85A87347B_.wvu.PrintTitles" localSheetId="0" hidden="1">様式5歳入一覧!$4:$7</definedName>
    <definedName name="Z_70837B7F_EB31_4D6D_B20E_5962F6B0E27E_.wvu.Cols" localSheetId="0" hidden="1">様式5歳入一覧!#REF!</definedName>
    <definedName name="Z_70837B7F_EB31_4D6D_B20E_5962F6B0E27E_.wvu.FilterData" localSheetId="0" hidden="1">様式5歳入一覧!$A$6:$Z$15</definedName>
    <definedName name="Z_70837B7F_EB31_4D6D_B20E_5962F6B0E27E_.wvu.PrintArea" localSheetId="0" hidden="1">様式5歳入一覧!$A$1:$K$16</definedName>
    <definedName name="Z_70837B7F_EB31_4D6D_B20E_5962F6B0E27E_.wvu.PrintTitles" localSheetId="0" hidden="1">様式5歳入一覧!$4:$7</definedName>
    <definedName name="Z_70924426_1D8A_405C_99DB_5F184299D133_.wvu.FilterData" localSheetId="0" hidden="1">様式5歳入一覧!$A$6:$Z$15</definedName>
    <definedName name="Z_749145BA_5224_4309_8744_80063D3AC2A1_.wvu.FilterData" localSheetId="0" hidden="1">様式5歳入一覧!$B$6:$K$15</definedName>
    <definedName name="Z_7959981C_996C_4AED_A61B_9791C16E24F0_.wvu.FilterData" localSheetId="0" hidden="1">様式5歳入一覧!$A$6:$Z$15</definedName>
    <definedName name="Z_7A18676E_04A4_4AFB_8334_7BB0F24E5EE3_.wvu.FilterData" localSheetId="0" hidden="1">様式5歳入一覧!$A$7:$Z$15</definedName>
    <definedName name="Z_7BAEEC97_8C0D_4727_9C2C_C181F26DD884_.wvu.Cols" localSheetId="0" hidden="1">様式5歳入一覧!#REF!</definedName>
    <definedName name="Z_7BAEEC97_8C0D_4727_9C2C_C181F26DD884_.wvu.FilterData" localSheetId="0" hidden="1">様式5歳入一覧!$A$6:$Z$15</definedName>
    <definedName name="Z_7BAEEC97_8C0D_4727_9C2C_C181F26DD884_.wvu.PrintArea" localSheetId="0" hidden="1">様式5歳入一覧!$A$1:$K$16</definedName>
    <definedName name="Z_7BAEEC97_8C0D_4727_9C2C_C181F26DD884_.wvu.PrintTitles" localSheetId="0" hidden="1">様式5歳入一覧!$4:$7</definedName>
    <definedName name="Z_7D518F9E_8A7F_4DB5_A328_AF9BA1D8A68F_.wvu.FilterData" localSheetId="0" hidden="1">様式5歳入一覧!$B$6:$K$15</definedName>
    <definedName name="Z_7D7B3232_DD2F_4BAD_9D61_7BB9E8FBC5D0_.wvu.FilterData" localSheetId="0" hidden="1">様式5歳入一覧!$A$7:$Z$15</definedName>
    <definedName name="Z_7E2DCBD7_F134_4F01_A073_369742F025BC_.wvu.FilterData" localSheetId="0" hidden="1">様式5歳入一覧!$B$6:$K$15</definedName>
    <definedName name="Z_7F4591BF_0F6E_463C_863C_F8DFB75D20FC_.wvu.Cols" localSheetId="0" hidden="1">様式5歳入一覧!#REF!</definedName>
    <definedName name="Z_7F4591BF_0F6E_463C_863C_F8DFB75D20FC_.wvu.FilterData" localSheetId="0" hidden="1">様式5歳入一覧!$A$6:$K$15</definedName>
    <definedName name="Z_7F4591BF_0F6E_463C_863C_F8DFB75D20FC_.wvu.PrintArea" localSheetId="0" hidden="1">様式5歳入一覧!$A$1:$K$16</definedName>
    <definedName name="Z_7F4591BF_0F6E_463C_863C_F8DFB75D20FC_.wvu.PrintTitles" localSheetId="0" hidden="1">様式5歳入一覧!$4:$7</definedName>
    <definedName name="Z_7F9543F0_7900_417C_8668_8D9DC3C6A87C_.wvu.FilterData" localSheetId="0" hidden="1">様式5歳入一覧!$B$6:$K$15</definedName>
    <definedName name="Z_81B5A484_EBF1_4915_9B07_DDCCFE2DB28C_.wvu.FilterData" localSheetId="0" hidden="1">様式5歳入一覧!$B$6:$K$15</definedName>
    <definedName name="Z_86736FF6_D9DA_4CB4_A1A0_805D5D48FA90_.wvu.FilterData" localSheetId="0" hidden="1">様式5歳入一覧!$B$6:$K$15</definedName>
    <definedName name="Z_88E44795_6332_42B5_AD03_CD37EB030AF2_.wvu.FilterData" localSheetId="0" hidden="1">様式5歳入一覧!$B$6:$K$15</definedName>
    <definedName name="Z_89110E34_4E32_4289_9AEB_D2891C4E270B_.wvu.FilterData" localSheetId="0" hidden="1">様式5歳入一覧!$A$6:$K$15</definedName>
    <definedName name="Z_89C710E6_1500_4641_966A_C6D35D6B7EB2_.wvu.FilterData" localSheetId="0" hidden="1">様式5歳入一覧!$B$6:$K$15</definedName>
    <definedName name="Z_8B9E1F4E_8704_47E3_AFC2_BD7B7399C304_.wvu.FilterData" localSheetId="0" hidden="1">様式5歳入一覧!$B$6:$K$15</definedName>
    <definedName name="Z_8DE503A8_656E_41FA_9ED6_359FA3721ACF_.wvu.Cols" localSheetId="0" hidden="1">様式5歳入一覧!#REF!</definedName>
    <definedName name="Z_8DE503A8_656E_41FA_9ED6_359FA3721ACF_.wvu.FilterData" localSheetId="0" hidden="1">様式5歳入一覧!$A$6:$Z$15</definedName>
    <definedName name="Z_8DE503A8_656E_41FA_9ED6_359FA3721ACF_.wvu.PrintArea" localSheetId="0" hidden="1">様式5歳入一覧!$A$1:$K$16</definedName>
    <definedName name="Z_8DE503A8_656E_41FA_9ED6_359FA3721ACF_.wvu.PrintTitles" localSheetId="0" hidden="1">様式5歳入一覧!$4:$7</definedName>
    <definedName name="Z_901A4DB5_9501_4EB6_9268_72DC5604D1B1_.wvu.FilterData" localSheetId="0" hidden="1">様式5歳入一覧!$A$7:$Z$15</definedName>
    <definedName name="Z_938E702C_B36A_4670_81CA_FE17F251577A_.wvu.FilterData" localSheetId="0" hidden="1">様式5歳入一覧!$A$7:$Z$15</definedName>
    <definedName name="Z_97250119_8D07_4D98_BD4A_0062145CE139_.wvu.FilterData" localSheetId="0" hidden="1">様式5歳入一覧!$A$7:$Z$15</definedName>
    <definedName name="Z_99CD74FC_8B79_402C_9E5F_4C8C844F7522_.wvu.Cols" localSheetId="0" hidden="1">様式5歳入一覧!#REF!</definedName>
    <definedName name="Z_99CD74FC_8B79_402C_9E5F_4C8C844F7522_.wvu.FilterData" localSheetId="0" hidden="1">様式5歳入一覧!$A$6:$K$15</definedName>
    <definedName name="Z_99CD74FC_8B79_402C_9E5F_4C8C844F7522_.wvu.PrintArea" localSheetId="0" hidden="1">様式5歳入一覧!$A$1:$K$16</definedName>
    <definedName name="Z_99CD74FC_8B79_402C_9E5F_4C8C844F7522_.wvu.PrintTitles" localSheetId="0" hidden="1">様式5歳入一覧!$4:$7</definedName>
    <definedName name="Z_9B02B18F_FBC3_4003_B64D_6BF6D2FAF148_.wvu.Cols" localSheetId="0" hidden="1">様式5歳入一覧!#REF!</definedName>
    <definedName name="Z_9B02B18F_FBC3_4003_B64D_6BF6D2FAF148_.wvu.FilterData" localSheetId="0" hidden="1">様式5歳入一覧!$A$6:$Z$15</definedName>
    <definedName name="Z_9B02B18F_FBC3_4003_B64D_6BF6D2FAF148_.wvu.PrintArea" localSheetId="0" hidden="1">様式5歳入一覧!$A$1:$K$16</definedName>
    <definedName name="Z_9B02B18F_FBC3_4003_B64D_6BF6D2FAF148_.wvu.PrintTitles" localSheetId="0" hidden="1">様式5歳入一覧!$4:$7</definedName>
    <definedName name="Z_9B4A25DD_435F_45A5_893D_7D8E03D5FC78_.wvu.FilterData" localSheetId="0" hidden="1">様式5歳入一覧!$B$6:$K$15</definedName>
    <definedName name="Z_9C01AE63_CFF0_4106_9038_7FADD737BB91_.wvu.Cols" localSheetId="0" hidden="1">様式5歳入一覧!#REF!</definedName>
    <definedName name="Z_9C01AE63_CFF0_4106_9038_7FADD737BB91_.wvu.FilterData" localSheetId="0" hidden="1">様式5歳入一覧!$A$6:$Z$15</definedName>
    <definedName name="Z_9C01AE63_CFF0_4106_9038_7FADD737BB91_.wvu.PrintArea" localSheetId="0" hidden="1">様式5歳入一覧!$A$1:$K$16</definedName>
    <definedName name="Z_9C01AE63_CFF0_4106_9038_7FADD737BB91_.wvu.PrintTitles" localSheetId="0" hidden="1">様式5歳入一覧!$4:$7</definedName>
    <definedName name="Z_9C40EDED_6440_486C_B2C2_1C1E7F80BEFD_.wvu.FilterData" localSheetId="0" hidden="1">様式5歳入一覧!$A$6:$Z$15</definedName>
    <definedName name="Z_A0CE4855_8BF5_4B09_B255_E1A19C4E3053_.wvu.Cols" localSheetId="0" hidden="1">様式5歳入一覧!#REF!</definedName>
    <definedName name="Z_A0CE4855_8BF5_4B09_B255_E1A19C4E3053_.wvu.FilterData" localSheetId="0" hidden="1">様式5歳入一覧!$A$7:$Z$15</definedName>
    <definedName name="Z_A0CE4855_8BF5_4B09_B255_E1A19C4E3053_.wvu.PrintArea" localSheetId="0" hidden="1">様式5歳入一覧!$A$1:$K$16</definedName>
    <definedName name="Z_A0CE4855_8BF5_4B09_B255_E1A19C4E3053_.wvu.PrintTitles" localSheetId="0" hidden="1">様式5歳入一覧!$4:$7</definedName>
    <definedName name="Z_A0D972C1_3D2C_4C11_9E56_A82C309030EE_.wvu.Cols" localSheetId="0" hidden="1">様式5歳入一覧!#REF!</definedName>
    <definedName name="Z_A0D972C1_3D2C_4C11_9E56_A82C309030EE_.wvu.FilterData" localSheetId="0" hidden="1">様式5歳入一覧!$A$6:$Z$15</definedName>
    <definedName name="Z_A0D972C1_3D2C_4C11_9E56_A82C309030EE_.wvu.PrintArea" localSheetId="0" hidden="1">様式5歳入一覧!$A$1:$K$16</definedName>
    <definedName name="Z_A0D972C1_3D2C_4C11_9E56_A82C309030EE_.wvu.PrintTitles" localSheetId="0" hidden="1">様式5歳入一覧!$4:$7</definedName>
    <definedName name="Z_A1410A53_A816_48E6_BA3B_34AFBECBBF89_.wvu.FilterData" localSheetId="0" hidden="1">様式5歳入一覧!$A$6:$Z$15</definedName>
    <definedName name="Z_A5081DD8_9472_4A84_A31C_C87428B96836_.wvu.FilterData" localSheetId="0" hidden="1">様式5歳入一覧!$A$6:$Z$15</definedName>
    <definedName name="Z_A62B912E_02A1_47A6_A44F_AD1D542D7EAA_.wvu.FilterData" localSheetId="0" hidden="1">様式5歳入一覧!$B$6:$K$15</definedName>
    <definedName name="Z_A899A51E_0321_424E_A816_E762C6453A5E_.wvu.Cols" localSheetId="0" hidden="1">様式5歳入一覧!#REF!</definedName>
    <definedName name="Z_A899A51E_0321_424E_A816_E762C6453A5E_.wvu.FilterData" localSheetId="0" hidden="1">様式5歳入一覧!$A$7:$Z$15</definedName>
    <definedName name="Z_A899A51E_0321_424E_A816_E762C6453A5E_.wvu.PrintArea" localSheetId="0" hidden="1">様式5歳入一覧!$A$1:$K$16</definedName>
    <definedName name="Z_A899A51E_0321_424E_A816_E762C6453A5E_.wvu.PrintTitles" localSheetId="0" hidden="1">様式5歳入一覧!$4:$7</definedName>
    <definedName name="Z_AB5F7232_79D3_4A00_BF97_AF858AB78B28_.wvu.FilterData" localSheetId="0" hidden="1">様式5歳入一覧!$A$6:$K$15</definedName>
    <definedName name="Z_ABE7CFFB_C659_4189_B81A_6BEE666EADF0_.wvu.FilterData" localSheetId="0" hidden="1">様式5歳入一覧!$B$6:$K$15</definedName>
    <definedName name="Z_AC548A2E_C48E_45CC_879A_E2EBB2B33EEA_.wvu.Cols" localSheetId="0" hidden="1">様式5歳入一覧!#REF!</definedName>
    <definedName name="Z_AC548A2E_C48E_45CC_879A_E2EBB2B33EEA_.wvu.FilterData" localSheetId="0" hidden="1">様式5歳入一覧!$A$6:$K$15</definedName>
    <definedName name="Z_AC548A2E_C48E_45CC_879A_E2EBB2B33EEA_.wvu.PrintArea" localSheetId="0" hidden="1">様式5歳入一覧!$A$1:$K$16</definedName>
    <definedName name="Z_AC548A2E_C48E_45CC_879A_E2EBB2B33EEA_.wvu.PrintTitles" localSheetId="0" hidden="1">様式5歳入一覧!$4:$7</definedName>
    <definedName name="Z_ACF9747A_930D_4496_B09E_8726FC61D724_.wvu.FilterData" localSheetId="0" hidden="1">様式5歳入一覧!$B$6:$K$15</definedName>
    <definedName name="Z_AD4EEFD1_EF9D_4286_82C0_7E3CB759B6A3_.wvu.FilterData" localSheetId="0" hidden="1">様式5歳入一覧!$A$7:$Z$15</definedName>
    <definedName name="Z_B02E5B7B_53CC_43E2_B229_62838E357858_.wvu.FilterData" localSheetId="0" hidden="1">様式5歳入一覧!$A$6:$Z$15</definedName>
    <definedName name="Z_B0B21E7F_41F6_4286_9120_7856223C7AC9_.wvu.FilterData" localSheetId="0" hidden="1">様式5歳入一覧!$A$6:$K$15</definedName>
    <definedName name="Z_B1C44EF9_9F01_4248_AAFB_58D37EA4F0EC_.wvu.Cols" localSheetId="0" hidden="1">様式5歳入一覧!#REF!</definedName>
    <definedName name="Z_B1C44EF9_9F01_4248_AAFB_58D37EA4F0EC_.wvu.FilterData" localSheetId="0" hidden="1">様式5歳入一覧!$A$6:$K$15</definedName>
    <definedName name="Z_B1C44EF9_9F01_4248_AAFB_58D37EA4F0EC_.wvu.PrintArea" localSheetId="0" hidden="1">様式5歳入一覧!$A$1:$K$16</definedName>
    <definedName name="Z_B1C44EF9_9F01_4248_AAFB_58D37EA4F0EC_.wvu.PrintTitles" localSheetId="0" hidden="1">様式5歳入一覧!$4:$7</definedName>
    <definedName name="Z_B1F42F59_5BB5_41C4_97C6_4484184E13F1_.wvu.FilterData" localSheetId="0" hidden="1">様式5歳入一覧!$A$6:$K$15</definedName>
    <definedName name="Z_B2687233_4AA3_4362_A023_25CC6BE303C3_.wvu.FilterData" localSheetId="0" hidden="1">様式5歳入一覧!$A$7:$Z$15</definedName>
    <definedName name="Z_B2D441E7_D750_4466_9F5C_BED9F80CA5C9_.wvu.Cols" localSheetId="0" hidden="1">様式5歳入一覧!#REF!</definedName>
    <definedName name="Z_B2D441E7_D750_4466_9F5C_BED9F80CA5C9_.wvu.FilterData" localSheetId="0" hidden="1">様式5歳入一覧!$A$6:$Z$15</definedName>
    <definedName name="Z_B2D441E7_D750_4466_9F5C_BED9F80CA5C9_.wvu.PrintArea" localSheetId="0" hidden="1">様式5歳入一覧!$A$1:$K$16</definedName>
    <definedName name="Z_B2D441E7_D750_4466_9F5C_BED9F80CA5C9_.wvu.PrintTitles" localSheetId="0" hidden="1">様式5歳入一覧!$4:$7</definedName>
    <definedName name="Z_B4678970_F49A_41CB_BDF8_35F7BBC61272_.wvu.FilterData" localSheetId="0" hidden="1">様式5歳入一覧!$A$6:$Z$15</definedName>
    <definedName name="Z_B46A0E73_873C_4404_B73B_B777317F5A7C_.wvu.Cols" localSheetId="0" hidden="1">様式5歳入一覧!#REF!</definedName>
    <definedName name="Z_B46A0E73_873C_4404_B73B_B777317F5A7C_.wvu.FilterData" localSheetId="0" hidden="1">様式5歳入一覧!$A$6:$K$15</definedName>
    <definedName name="Z_B46A0E73_873C_4404_B73B_B777317F5A7C_.wvu.PrintArea" localSheetId="0" hidden="1">様式5歳入一覧!$A$1:$K$16</definedName>
    <definedName name="Z_B46A0E73_873C_4404_B73B_B777317F5A7C_.wvu.PrintTitles" localSheetId="0" hidden="1">様式5歳入一覧!$4:$7</definedName>
    <definedName name="Z_B4B87361_AF8D_47C5_957E_E5D261105FF8_.wvu.FilterData" localSheetId="0" hidden="1">様式5歳入一覧!$B$6:$K$15</definedName>
    <definedName name="Z_B6553749_8496_48D9_9B28_2FAA782B16AA_.wvu.FilterData" localSheetId="0" hidden="1">様式5歳入一覧!$A$6:$K$15</definedName>
    <definedName name="Z_B8061F44_4299_433B_992E_389B11EF0957_.wvu.Cols" localSheetId="0" hidden="1">様式5歳入一覧!#REF!</definedName>
    <definedName name="Z_B8061F44_4299_433B_992E_389B11EF0957_.wvu.FilterData" localSheetId="0" hidden="1">様式5歳入一覧!$A$6:$Z$15</definedName>
    <definedName name="Z_B8061F44_4299_433B_992E_389B11EF0957_.wvu.PrintArea" localSheetId="0" hidden="1">様式5歳入一覧!$A$1:$K$16</definedName>
    <definedName name="Z_B8061F44_4299_433B_992E_389B11EF0957_.wvu.PrintTitles" localSheetId="0" hidden="1">様式5歳入一覧!$4:$7</definedName>
    <definedName name="Z_B8F489ED_1D77_4F4E_A920_2AEA32928870_.wvu.Cols" localSheetId="0" hidden="1">様式5歳入一覧!#REF!</definedName>
    <definedName name="Z_B8F489ED_1D77_4F4E_A920_2AEA32928870_.wvu.FilterData" localSheetId="0" hidden="1">様式5歳入一覧!$A$6:$K$15</definedName>
    <definedName name="Z_B8F489ED_1D77_4F4E_A920_2AEA32928870_.wvu.PrintArea" localSheetId="0" hidden="1">様式5歳入一覧!$A$1:$K$16</definedName>
    <definedName name="Z_B8F489ED_1D77_4F4E_A920_2AEA32928870_.wvu.PrintTitles" localSheetId="0" hidden="1">様式5歳入一覧!$4:$7</definedName>
    <definedName name="Z_BEBE1D7C_DEFF_404E_81F6_1D5210FB524E_.wvu.FilterData" localSheetId="0" hidden="1">様式5歳入一覧!$A$6:$K$15</definedName>
    <definedName name="Z_C0F05C73_B9DA_46F9_A090_B8FE2204D51E_.wvu.Cols" localSheetId="0" hidden="1">様式5歳入一覧!#REF!</definedName>
    <definedName name="Z_C0F05C73_B9DA_46F9_A090_B8FE2204D51E_.wvu.FilterData" localSheetId="0" hidden="1">様式5歳入一覧!$A$6:$Z$15</definedName>
    <definedName name="Z_C0F05C73_B9DA_46F9_A090_B8FE2204D51E_.wvu.PrintArea" localSheetId="0" hidden="1">様式5歳入一覧!$A$1:$K$16</definedName>
    <definedName name="Z_C0F05C73_B9DA_46F9_A090_B8FE2204D51E_.wvu.PrintTitles" localSheetId="0" hidden="1">様式5歳入一覧!$4:$7</definedName>
    <definedName name="Z_C16C9525_F2AB_499F_8B03_B5D0380B83C8_.wvu.FilterData" localSheetId="0" hidden="1">様式5歳入一覧!$A$6:$Z$15</definedName>
    <definedName name="Z_C4D82BCF_451C_40BA_B4B3_30E21386BB25_.wvu.Cols" localSheetId="0" hidden="1">様式5歳入一覧!#REF!</definedName>
    <definedName name="Z_C4D82BCF_451C_40BA_B4B3_30E21386BB25_.wvu.FilterData" localSheetId="0" hidden="1">様式5歳入一覧!$A$6:$K$15</definedName>
    <definedName name="Z_C4D82BCF_451C_40BA_B4B3_30E21386BB25_.wvu.PrintArea" localSheetId="0" hidden="1">様式5歳入一覧!$A$1:$K$16</definedName>
    <definedName name="Z_C4D82BCF_451C_40BA_B4B3_30E21386BB25_.wvu.PrintTitles" localSheetId="0" hidden="1">様式5歳入一覧!$4:$7</definedName>
    <definedName name="Z_C54337A2_366C_46A1_A9F7_6549EFAAF442_.wvu.FilterData" localSheetId="0" hidden="1">様式5歳入一覧!$A$6:$K$15</definedName>
    <definedName name="Z_C9C96EC1_4A13_433C_8CA1_D624BCDA23FB_.wvu.Cols" localSheetId="0" hidden="1">様式5歳入一覧!#REF!</definedName>
    <definedName name="Z_C9C96EC1_4A13_433C_8CA1_D624BCDA23FB_.wvu.FilterData" localSheetId="0" hidden="1">様式5歳入一覧!$A$6:$Z$15</definedName>
    <definedName name="Z_C9C96EC1_4A13_433C_8CA1_D624BCDA23FB_.wvu.PrintArea" localSheetId="0" hidden="1">様式5歳入一覧!$A$1:$K$16</definedName>
    <definedName name="Z_C9C96EC1_4A13_433C_8CA1_D624BCDA23FB_.wvu.PrintTitles" localSheetId="0" hidden="1">様式5歳入一覧!$4:$7</definedName>
    <definedName name="Z_CA064EC8_4D5C_43EE_BBED_E1B6AF542620_.wvu.FilterData" localSheetId="0" hidden="1">様式5歳入一覧!$A$6:$K$15</definedName>
    <definedName name="Z_CB304CF9_F4A6_48BF_A213_8A97A2321FFB_.wvu.FilterData" localSheetId="0" hidden="1">様式5歳入一覧!$A$7:$Z$15</definedName>
    <definedName name="Z_CC508307_D119_49FF_8BAA_92AABCA0A5FE_.wvu.FilterData" localSheetId="0" hidden="1">様式5歳入一覧!$A$6:$K$15</definedName>
    <definedName name="Z_CD5934FC_09B2_46D2_BD46_603DD634A2B3_.wvu.FilterData" localSheetId="0" hidden="1">様式5歳入一覧!$B$6:$K$15</definedName>
    <definedName name="Z_CF210D75_E9EC_484F_8319_9012F4240FCE_.wvu.FilterData" localSheetId="0" hidden="1">様式5歳入一覧!$B$6:$K$15</definedName>
    <definedName name="Z_CF3F1375_589A_425A_AD36_5AC937F02F87_.wvu.Cols" localSheetId="0" hidden="1">様式5歳入一覧!#REF!</definedName>
    <definedName name="Z_CF3F1375_589A_425A_AD36_5AC937F02F87_.wvu.FilterData" localSheetId="0" hidden="1">様式5歳入一覧!$A$6:$Z$15</definedName>
    <definedName name="Z_CF3F1375_589A_425A_AD36_5AC937F02F87_.wvu.PrintArea" localSheetId="0" hidden="1">様式5歳入一覧!$A$1:$K$16</definedName>
    <definedName name="Z_CF3F1375_589A_425A_AD36_5AC937F02F87_.wvu.PrintTitles" localSheetId="0" hidden="1">様式5歳入一覧!$4:$7</definedName>
    <definedName name="Z_CFAC28C4_9DA6_44BB_B6AC_1E1BA4188994_.wvu.Cols" localSheetId="0" hidden="1">様式5歳入一覧!#REF!</definedName>
    <definedName name="Z_CFAC28C4_9DA6_44BB_B6AC_1E1BA4188994_.wvu.FilterData" localSheetId="0" hidden="1">様式5歳入一覧!$A$6:$K$15</definedName>
    <definedName name="Z_CFAC28C4_9DA6_44BB_B6AC_1E1BA4188994_.wvu.PrintArea" localSheetId="0" hidden="1">様式5歳入一覧!$A$1:$K$16</definedName>
    <definedName name="Z_CFAC28C4_9DA6_44BB_B6AC_1E1BA4188994_.wvu.PrintTitles" localSheetId="0" hidden="1">様式5歳入一覧!$4:$7</definedName>
    <definedName name="Z_D1B1F72B_6819_4930_8144_DE97EF61D4BF_.wvu.FilterData" localSheetId="0" hidden="1">様式5歳入一覧!$A$6:$Z$15</definedName>
    <definedName name="Z_D1FDF22B_2638_4D49_B1CE_8C5C674E5104_.wvu.Cols" localSheetId="0" hidden="1">様式5歳入一覧!#REF!</definedName>
    <definedName name="Z_D1FDF22B_2638_4D49_B1CE_8C5C674E5104_.wvu.FilterData" localSheetId="0" hidden="1">様式5歳入一覧!$A$7:$Z$15</definedName>
    <definedName name="Z_D1FDF22B_2638_4D49_B1CE_8C5C674E5104_.wvu.PrintArea" localSheetId="0" hidden="1">様式5歳入一覧!$A$1:$K$16</definedName>
    <definedName name="Z_D1FDF22B_2638_4D49_B1CE_8C5C674E5104_.wvu.PrintTitles" localSheetId="0" hidden="1">様式5歳入一覧!$4:$7</definedName>
    <definedName name="Z_D256FE90_7AAC_4F17_90E9_624F563EB144_.wvu.FilterData" localSheetId="0" hidden="1">様式5歳入一覧!$B$6:$K$15</definedName>
    <definedName name="Z_D3F484C7_A7A8_41A6_A643_59A7212BC1DA_.wvu.Cols" localSheetId="0" hidden="1">様式5歳入一覧!#REF!</definedName>
    <definedName name="Z_D3F484C7_A7A8_41A6_A643_59A7212BC1DA_.wvu.FilterData" localSheetId="0" hidden="1">様式5歳入一覧!$A$6:$Z$15</definedName>
    <definedName name="Z_D3F484C7_A7A8_41A6_A643_59A7212BC1DA_.wvu.PrintArea" localSheetId="0" hidden="1">様式5歳入一覧!$A$1:$K$16</definedName>
    <definedName name="Z_D3F484C7_A7A8_41A6_A643_59A7212BC1DA_.wvu.PrintTitles" localSheetId="0" hidden="1">様式5歳入一覧!$4:$7</definedName>
    <definedName name="Z_D4EA57D4_4F86_40B9_8148_886698F83C2D_.wvu.Cols" localSheetId="0" hidden="1">様式5歳入一覧!#REF!</definedName>
    <definedName name="Z_D4EA57D4_4F86_40B9_8148_886698F83C2D_.wvu.FilterData" localSheetId="0" hidden="1">様式5歳入一覧!$A$7:$Z$15</definedName>
    <definedName name="Z_D4EA57D4_4F86_40B9_8148_886698F83C2D_.wvu.PrintArea" localSheetId="0" hidden="1">様式5歳入一覧!$A$1:$K$16</definedName>
    <definedName name="Z_D4EA57D4_4F86_40B9_8148_886698F83C2D_.wvu.PrintTitles" localSheetId="0" hidden="1">様式5歳入一覧!$4:$7</definedName>
    <definedName name="Z_D6BF0446_50C6_4678_A04B_32751588DCF3_.wvu.FilterData" localSheetId="0" hidden="1">様式5歳入一覧!$A$6:$K$15</definedName>
    <definedName name="Z_D8CB58F5_96B6_4D98_AA0B_1C30DB37037E_.wvu.FilterData" localSheetId="0" hidden="1">様式5歳入一覧!$A$6:$K$15</definedName>
    <definedName name="Z_DBBA8445_9E0F_40D4_9DE9_2933FE897DAF_.wvu.FilterData" localSheetId="0" hidden="1">様式5歳入一覧!$A$6:$K$15</definedName>
    <definedName name="Z_DCF9EBB2_7E40_4D30_A631_26C53A48C875_.wvu.FilterData" localSheetId="0" hidden="1">様式5歳入一覧!$A$6:$Z$15</definedName>
    <definedName name="Z_DD5041F1_D646_4B19_8029_60E491D20DFE_.wvu.FilterData" localSheetId="0" hidden="1">様式5歳入一覧!$B$6:$K$15</definedName>
    <definedName name="Z_DE09C4E9_0758_44B2_A8EA_EB4A253DB03B_.wvu.FilterData" localSheetId="0" hidden="1">様式5歳入一覧!$A$6:$K$15</definedName>
    <definedName name="Z_E021E6C9_86EB_41E0_8F9B_D09B9E304D29_.wvu.Cols" localSheetId="0" hidden="1">様式5歳入一覧!#REF!</definedName>
    <definedName name="Z_E021E6C9_86EB_41E0_8F9B_D09B9E304D29_.wvu.FilterData" localSheetId="0" hidden="1">様式5歳入一覧!$A$7:$Z$15</definedName>
    <definedName name="Z_E021E6C9_86EB_41E0_8F9B_D09B9E304D29_.wvu.PrintArea" localSheetId="0" hidden="1">様式5歳入一覧!$A$1:$K$16</definedName>
    <definedName name="Z_E021E6C9_86EB_41E0_8F9B_D09B9E304D29_.wvu.PrintTitles" localSheetId="0" hidden="1">様式5歳入一覧!$4:$7</definedName>
    <definedName name="Z_E0B705B4_A912_4810_9C2E_4F7E515E914E_.wvu.Cols" localSheetId="0" hidden="1">様式5歳入一覧!#REF!</definedName>
    <definedName name="Z_E0B705B4_A912_4810_9C2E_4F7E515E914E_.wvu.FilterData" localSheetId="0" hidden="1">様式5歳入一覧!$A$6:$K$15</definedName>
    <definedName name="Z_E0B705B4_A912_4810_9C2E_4F7E515E914E_.wvu.PrintArea" localSheetId="0" hidden="1">様式5歳入一覧!$A$1:$K$16</definedName>
    <definedName name="Z_E0B705B4_A912_4810_9C2E_4F7E515E914E_.wvu.PrintTitles" localSheetId="0" hidden="1">様式5歳入一覧!$4:$7</definedName>
    <definedName name="Z_E16630A9_77A8_489F_A623_9A8FC0379AC4_.wvu.Cols" localSheetId="0" hidden="1">様式5歳入一覧!#REF!</definedName>
    <definedName name="Z_E16630A9_77A8_489F_A623_9A8FC0379AC4_.wvu.FilterData" localSheetId="0" hidden="1">様式5歳入一覧!$A$6:$K$15</definedName>
    <definedName name="Z_E16630A9_77A8_489F_A623_9A8FC0379AC4_.wvu.PrintArea" localSheetId="0" hidden="1">様式5歳入一覧!$A$1:$K$16</definedName>
    <definedName name="Z_E16630A9_77A8_489F_A623_9A8FC0379AC4_.wvu.PrintTitles" localSheetId="0" hidden="1">様式5歳入一覧!$4:$7</definedName>
    <definedName name="Z_E2E7A86C_90FB_4339_8885_AFCEC833D4CF_.wvu.FilterData" localSheetId="0" hidden="1">様式5歳入一覧!$A$6:$Z$15</definedName>
    <definedName name="Z_E3738867_F5D5_4516_9C4E_FA0FEDF4A671_.wvu.FilterData" localSheetId="0" hidden="1">様式5歳入一覧!$B$6:$K$15</definedName>
    <definedName name="Z_E498E363_08C1_475C_9CD6_ECF5F8A1E761_.wvu.Cols" localSheetId="0" hidden="1">様式5歳入一覧!#REF!</definedName>
    <definedName name="Z_E498E363_08C1_475C_9CD6_ECF5F8A1E761_.wvu.FilterData" localSheetId="0" hidden="1">様式5歳入一覧!$A$6:$Z$15</definedName>
    <definedName name="Z_E498E363_08C1_475C_9CD6_ECF5F8A1E761_.wvu.PrintArea" localSheetId="0" hidden="1">様式5歳入一覧!$A$1:$K$16</definedName>
    <definedName name="Z_E498E363_08C1_475C_9CD6_ECF5F8A1E761_.wvu.PrintTitles" localSheetId="0" hidden="1">様式5歳入一覧!$4:$7</definedName>
    <definedName name="Z_E4D5FBE2_BDB8_47D1_B4A9_3D49381FAF5C_.wvu.Cols" localSheetId="0" hidden="1">様式5歳入一覧!#REF!</definedName>
    <definedName name="Z_E4D5FBE2_BDB8_47D1_B4A9_3D49381FAF5C_.wvu.FilterData" localSheetId="0" hidden="1">様式5歳入一覧!$A$6:$Z$15</definedName>
    <definedName name="Z_E4D5FBE2_BDB8_47D1_B4A9_3D49381FAF5C_.wvu.PrintArea" localSheetId="0" hidden="1">様式5歳入一覧!$A$1:$K$16</definedName>
    <definedName name="Z_E4D5FBE2_BDB8_47D1_B4A9_3D49381FAF5C_.wvu.PrintTitles" localSheetId="0" hidden="1">様式5歳入一覧!$4:$7</definedName>
    <definedName name="Z_E9599D06_5045_4F02_A405_3D6703BDDB40_.wvu.Cols" localSheetId="0" hidden="1">様式5歳入一覧!#REF!</definedName>
    <definedName name="Z_E9599D06_5045_4F02_A405_3D6703BDDB40_.wvu.FilterData" localSheetId="0" hidden="1">様式5歳入一覧!$A$6:$Z$15</definedName>
    <definedName name="Z_E9599D06_5045_4F02_A405_3D6703BDDB40_.wvu.PrintArea" localSheetId="0" hidden="1">様式5歳入一覧!$A$1:$K$16</definedName>
    <definedName name="Z_E9599D06_5045_4F02_A405_3D6703BDDB40_.wvu.PrintTitles" localSheetId="0" hidden="1">様式5歳入一覧!$4:$7</definedName>
    <definedName name="Z_EA41A870_F127_49E7_A3AB_BAEABD1815B4_.wvu.FilterData" localSheetId="0" hidden="1">様式5歳入一覧!$A$6:$K$15</definedName>
    <definedName name="Z_EC32E599_0BEF_41F1_8B76_6572A0EC043F_.wvu.Cols" localSheetId="0" hidden="1">様式5歳入一覧!#REF!</definedName>
    <definedName name="Z_EC32E599_0BEF_41F1_8B76_6572A0EC043F_.wvu.FilterData" localSheetId="0" hidden="1">様式5歳入一覧!$A$6:$Z$15</definedName>
    <definedName name="Z_EC32E599_0BEF_41F1_8B76_6572A0EC043F_.wvu.PrintArea" localSheetId="0" hidden="1">様式5歳入一覧!$A$1:$K$16</definedName>
    <definedName name="Z_EC32E599_0BEF_41F1_8B76_6572A0EC043F_.wvu.PrintTitles" localSheetId="0" hidden="1">様式5歳入一覧!$4:$7</definedName>
    <definedName name="Z_EC7353BA_FEB2_44C3_9BD4_FB607F8CAE56_.wvu.Cols" localSheetId="0" hidden="1">様式5歳入一覧!#REF!</definedName>
    <definedName name="Z_EC7353BA_FEB2_44C3_9BD4_FB607F8CAE56_.wvu.FilterData" localSheetId="0" hidden="1">様式5歳入一覧!$A$6:$Z$15</definedName>
    <definedName name="Z_EC7353BA_FEB2_44C3_9BD4_FB607F8CAE56_.wvu.PrintArea" localSheetId="0" hidden="1">様式5歳入一覧!$A$1:$K$16</definedName>
    <definedName name="Z_EC7353BA_FEB2_44C3_9BD4_FB607F8CAE56_.wvu.PrintTitles" localSheetId="0" hidden="1">様式5歳入一覧!$4:$7</definedName>
    <definedName name="Z_EC7ABD86_73FB_4738_8E62_37D9777EF768_.wvu.FilterData" localSheetId="0" hidden="1">様式5歳入一覧!$A$6:$K$15</definedName>
    <definedName name="Z_ECD10BCA_61B5_48D1_AFED_EA9B32A0B90E_.wvu.Cols" localSheetId="0" hidden="1">様式5歳入一覧!#REF!</definedName>
    <definedName name="Z_ECD10BCA_61B5_48D1_AFED_EA9B32A0B90E_.wvu.FilterData" localSheetId="0" hidden="1">様式5歳入一覧!$A$6:$K$15</definedName>
    <definedName name="Z_ECD10BCA_61B5_48D1_AFED_EA9B32A0B90E_.wvu.PrintArea" localSheetId="0" hidden="1">様式5歳入一覧!$A$1:$K$16</definedName>
    <definedName name="Z_ECD10BCA_61B5_48D1_AFED_EA9B32A0B90E_.wvu.PrintTitles" localSheetId="0" hidden="1">様式5歳入一覧!$4:$7</definedName>
    <definedName name="Z_ECE06993_6D41_42FC_98A7_AAC2020FADCC_.wvu.FilterData" localSheetId="0" hidden="1">様式5歳入一覧!$B$6:$K$15</definedName>
    <definedName name="Z_EDE797E3_EF62_4135_93F5_F9D63E4A645A_.wvu.FilterData" localSheetId="0" hidden="1">様式5歳入一覧!$A$6:$Z$15</definedName>
    <definedName name="Z_F060692F_E6DF_412F_9701_0C64A0D5BC00_.wvu.FilterData" localSheetId="0" hidden="1">様式5歳入一覧!$A$6:$Z$15</definedName>
    <definedName name="Z_F20F9FC5_3352_4FFB_AB07_F5B59EDE673F_.wvu.FilterData" localSheetId="0" hidden="1">様式5歳入一覧!$A$6:$K$15</definedName>
    <definedName name="Z_F32AF5A1_2DE1_4018_B247_AC621BD307C4_.wvu.FilterData" localSheetId="0" hidden="1">様式5歳入一覧!$A$7:$Z$15</definedName>
    <definedName name="Z_F4877DFA_CD25_4ACD_8FD8_51FEDFFE69C4_.wvu.FilterData" localSheetId="0" hidden="1">様式5歳入一覧!$A$6:$Z$15</definedName>
    <definedName name="Z_F552F5E9_56D0_45EB_BAC2_4EDB8E6C3152_.wvu.FilterData" localSheetId="0" hidden="1">様式5歳入一覧!$A$6:$K$15</definedName>
    <definedName name="Z_F6ADF229_4919_4DA6_81C9_9FB0BF082A60_.wvu.FilterData" localSheetId="0" hidden="1">様式5歳入一覧!$B$6:$K$15</definedName>
    <definedName name="Z_FC27523E_F7B2_4FC2_87C5_2688147494EC_.wvu.FilterData" localSheetId="0" hidden="1">様式5歳入一覧!$B$6:$K$15</definedName>
    <definedName name="Z_FE190E17_C77D_49C1_A972_F9F2A53C5F62_.wvu.FilterData" localSheetId="0" hidden="1">様式5歳入一覧!$A$6:$Z$15</definedName>
    <definedName name="分類">'[2]様式17(見直し一覧)'!$A$38:$A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9" i="89" l="1"/>
  <c r="I14" i="89"/>
  <c r="I13" i="89"/>
  <c r="I12" i="89"/>
  <c r="I15" i="89"/>
  <c r="I11" i="89"/>
  <c r="I10" i="89"/>
  <c r="I8" i="89"/>
</calcChain>
</file>

<file path=xl/sharedStrings.xml><?xml version="1.0" encoding="utf-8"?>
<sst xmlns="http://schemas.openxmlformats.org/spreadsheetml/2006/main" count="47" uniqueCount="45">
  <si>
    <t>例①</t>
    <rPh sb="0" eb="1">
      <t>レイ</t>
    </rPh>
    <phoneticPr fontId="3"/>
  </si>
  <si>
    <t>名称</t>
    <rPh sb="0" eb="2">
      <t>メイショウ</t>
    </rPh>
    <phoneticPr fontId="3"/>
  </si>
  <si>
    <t>「一般管理経費」</t>
    <rPh sb="1" eb="3">
      <t>イッパン</t>
    </rPh>
    <rPh sb="3" eb="5">
      <t>カンリ</t>
    </rPh>
    <rPh sb="5" eb="7">
      <t>ケイヒ</t>
    </rPh>
    <phoneticPr fontId="3"/>
  </si>
  <si>
    <t>「○○○庁舎管理経費」</t>
    <rPh sb="4" eb="6">
      <t>チョウシャ</t>
    </rPh>
    <rPh sb="6" eb="8">
      <t>カンリ</t>
    </rPh>
    <rPh sb="8" eb="10">
      <t>ケイヒ</t>
    </rPh>
    <phoneticPr fontId="3"/>
  </si>
  <si>
    <t>例②</t>
    <rPh sb="0" eb="1">
      <t>レイ</t>
    </rPh>
    <phoneticPr fontId="3"/>
  </si>
  <si>
    <t>単位</t>
    <rPh sb="0" eb="2">
      <t>タンイ</t>
    </rPh>
    <phoneticPr fontId="3"/>
  </si>
  <si>
    <t>「ホームページの運用」</t>
    <rPh sb="8" eb="10">
      <t>ウンヨウ</t>
    </rPh>
    <phoneticPr fontId="3"/>
  </si>
  <si>
    <t>「情報コーナー事業」</t>
    <rPh sb="1" eb="3">
      <t>ジョウホウ</t>
    </rPh>
    <rPh sb="7" eb="9">
      <t>ジギョウ</t>
    </rPh>
    <phoneticPr fontId="3"/>
  </si>
  <si>
    <t>「市民の声」</t>
    <rPh sb="1" eb="3">
      <t>シミン</t>
    </rPh>
    <rPh sb="4" eb="5">
      <t>コエ</t>
    </rPh>
    <phoneticPr fontId="3"/>
  </si>
  <si>
    <t>「広報・広聴・情報発信の充実」</t>
    <rPh sb="1" eb="3">
      <t>コウホウ</t>
    </rPh>
    <rPh sb="4" eb="6">
      <t>コウチョウ</t>
    </rPh>
    <rPh sb="7" eb="9">
      <t>ジョウホウ</t>
    </rPh>
    <rPh sb="9" eb="11">
      <t>ハッシン</t>
    </rPh>
    <rPh sb="12" eb="14">
      <t>ジュウジツ</t>
    </rPh>
    <phoneticPr fontId="3"/>
  </si>
  <si>
    <t>「区民モニター」</t>
    <rPh sb="1" eb="3">
      <t>クミン</t>
    </rPh>
    <phoneticPr fontId="3"/>
  </si>
  <si>
    <t>「広報事業」</t>
    <rPh sb="1" eb="3">
      <t>コウホウ</t>
    </rPh>
    <rPh sb="3" eb="5">
      <t>ジギョウ</t>
    </rPh>
    <phoneticPr fontId="3"/>
  </si>
  <si>
    <t>「交通事故をなくす運動」</t>
    <rPh sb="1" eb="3">
      <t>コウツウ</t>
    </rPh>
    <rPh sb="3" eb="5">
      <t>ジコ</t>
    </rPh>
    <rPh sb="9" eb="11">
      <t>ウンドウ</t>
    </rPh>
    <phoneticPr fontId="3"/>
  </si>
  <si>
    <t>「めいわく駐車追放運動」</t>
    <rPh sb="5" eb="7">
      <t>チュウシャ</t>
    </rPh>
    <rPh sb="7" eb="9">
      <t>ツイホウ</t>
    </rPh>
    <rPh sb="9" eb="11">
      <t>ウンドウ</t>
    </rPh>
    <phoneticPr fontId="3"/>
  </si>
  <si>
    <t>「交通安全運動事業」</t>
    <rPh sb="1" eb="3">
      <t>コウツウ</t>
    </rPh>
    <rPh sb="3" eb="5">
      <t>アンゼン</t>
    </rPh>
    <rPh sb="5" eb="7">
      <t>ウンドウ</t>
    </rPh>
    <rPh sb="7" eb="9">
      <t>ジギョウ</t>
    </rPh>
    <phoneticPr fontId="3"/>
  </si>
  <si>
    <t>「高齢者事故ゼロの日運動」</t>
    <rPh sb="1" eb="4">
      <t>コウレイシャ</t>
    </rPh>
    <rPh sb="4" eb="6">
      <t>ジコ</t>
    </rPh>
    <rPh sb="9" eb="10">
      <t>ヒ</t>
    </rPh>
    <rPh sb="10" eb="12">
      <t>ウンドウ</t>
    </rPh>
    <phoneticPr fontId="3"/>
  </si>
  <si>
    <t>通し</t>
    <phoneticPr fontId="2"/>
  </si>
  <si>
    <t>番号</t>
    <phoneticPr fontId="2"/>
  </si>
  <si>
    <t>⇒　　同様の目的を達成するための事業であれば、まとめることで、事業の概要が伝わりやすい場合も（一定額の予算規模をイメージしつつ）</t>
    <phoneticPr fontId="3"/>
  </si>
  <si>
    <t>→</t>
    <phoneticPr fontId="3"/>
  </si>
  <si>
    <t>…</t>
    <phoneticPr fontId="3"/>
  </si>
  <si>
    <t>⇒　　事業の概要が伝わるような名称を</t>
    <phoneticPr fontId="3"/>
  </si>
  <si>
    <t>→</t>
    <phoneticPr fontId="3"/>
  </si>
  <si>
    <t>6項　雑入</t>
    <rPh sb="1" eb="2">
      <t>コウ</t>
    </rPh>
    <rPh sb="3" eb="5">
      <t>ザツニュウ</t>
    </rPh>
    <phoneticPr fontId="3"/>
  </si>
  <si>
    <t>1節　雑収</t>
    <rPh sb="1" eb="2">
      <t>セツ</t>
    </rPh>
    <rPh sb="3" eb="4">
      <t>ザツ</t>
    </rPh>
    <rPh sb="4" eb="5">
      <t>シュウ</t>
    </rPh>
    <phoneticPr fontId="3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2"/>
  </si>
  <si>
    <t>(単位：千円)</t>
    <phoneticPr fontId="3"/>
  </si>
  <si>
    <t>科目</t>
    <rPh sb="0" eb="2">
      <t>カモク</t>
    </rPh>
    <phoneticPr fontId="2"/>
  </si>
  <si>
    <t>説明</t>
    <rPh sb="0" eb="2">
      <t>セツメイ</t>
    </rPh>
    <phoneticPr fontId="3"/>
  </si>
  <si>
    <t>増減</t>
    <rPh sb="0" eb="2">
      <t>ゾウゲン</t>
    </rPh>
    <phoneticPr fontId="2"/>
  </si>
  <si>
    <t>備考</t>
    <phoneticPr fontId="2"/>
  </si>
  <si>
    <t>当初①</t>
    <rPh sb="0" eb="2">
      <t>トウショ</t>
    </rPh>
    <phoneticPr fontId="3"/>
  </si>
  <si>
    <t>(②-①)</t>
  </si>
  <si>
    <t>歳入合計</t>
    <rPh sb="0" eb="2">
      <t>サイニュウ</t>
    </rPh>
    <rPh sb="2" eb="4">
      <t>ゴウケイ</t>
    </rPh>
    <phoneticPr fontId="3"/>
  </si>
  <si>
    <t>７年度</t>
    <rPh sb="1" eb="3">
      <t>ネンド</t>
    </rPh>
    <phoneticPr fontId="3"/>
  </si>
  <si>
    <t>予算案②</t>
    <rPh sb="0" eb="2">
      <t>ヨサン</t>
    </rPh>
    <rPh sb="2" eb="3">
      <t>アン</t>
    </rPh>
    <phoneticPr fontId="3"/>
  </si>
  <si>
    <t>広告掲載料</t>
    <rPh sb="0" eb="4">
      <t>コウコク</t>
    </rPh>
    <phoneticPr fontId="8"/>
  </si>
  <si>
    <t>2項　預金利子</t>
    <rPh sb="1" eb="2">
      <t>コウ</t>
    </rPh>
    <rPh sb="3" eb="5">
      <t>ヨキン</t>
    </rPh>
    <rPh sb="5" eb="7">
      <t>リシ</t>
    </rPh>
    <phoneticPr fontId="3"/>
  </si>
  <si>
    <t>1目　預金利子</t>
    <rPh sb="1" eb="2">
      <t>モク</t>
    </rPh>
    <rPh sb="3" eb="5">
      <t>ヨキン</t>
    </rPh>
    <rPh sb="5" eb="7">
      <t>リシ</t>
    </rPh>
    <phoneticPr fontId="3"/>
  </si>
  <si>
    <t>1節　預金利子</t>
    <rPh sb="1" eb="2">
      <t>セツ</t>
    </rPh>
    <rPh sb="3" eb="5">
      <t>ヨキン</t>
    </rPh>
    <rPh sb="5" eb="7">
      <t>リシ</t>
    </rPh>
    <phoneticPr fontId="3"/>
  </si>
  <si>
    <t>公金残高等預金利子</t>
    <rPh sb="0" eb="2">
      <t>コウキン</t>
    </rPh>
    <rPh sb="2" eb="4">
      <t>ザンダカ</t>
    </rPh>
    <rPh sb="4" eb="5">
      <t>トウ</t>
    </rPh>
    <rPh sb="5" eb="7">
      <t>ヨキン</t>
    </rPh>
    <rPh sb="7" eb="9">
      <t>リシ</t>
    </rPh>
    <phoneticPr fontId="8"/>
  </si>
  <si>
    <t>所属名　会計室</t>
    <rPh sb="0" eb="2">
      <t>ショゾク</t>
    </rPh>
    <rPh sb="2" eb="3">
      <t>メイ</t>
    </rPh>
    <rPh sb="4" eb="7">
      <t>カイケイシツ</t>
    </rPh>
    <phoneticPr fontId="2"/>
  </si>
  <si>
    <t>８年度</t>
    <rPh sb="1" eb="3">
      <t>ネンド</t>
    </rPh>
    <phoneticPr fontId="3"/>
  </si>
  <si>
    <t>23款　諸収入</t>
    <rPh sb="2" eb="3">
      <t>カン</t>
    </rPh>
    <rPh sb="4" eb="5">
      <t>ショ</t>
    </rPh>
    <rPh sb="5" eb="7">
      <t>シュウニュウ</t>
    </rPh>
    <phoneticPr fontId="3"/>
  </si>
  <si>
    <t>21目　雑収</t>
    <rPh sb="2" eb="3">
      <t>モク</t>
    </rPh>
    <rPh sb="4" eb="5">
      <t>ザツ</t>
    </rPh>
    <rPh sb="5" eb="6">
      <t>シュ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8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ゴシック"/>
      <family val="3"/>
      <charset val="128"/>
    </font>
    <font>
      <u/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u/>
      <sz val="10.5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0" fontId="4" fillId="0" borderId="0"/>
    <xf numFmtId="0" fontId="4" fillId="0" borderId="0"/>
    <xf numFmtId="0" fontId="9" fillId="0" borderId="0"/>
    <xf numFmtId="0" fontId="1" fillId="0" borderId="0"/>
  </cellStyleXfs>
  <cellXfs count="97">
    <xf numFmtId="0" fontId="0" fillId="0" borderId="0" xfId="0"/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center"/>
    </xf>
    <xf numFmtId="0" fontId="4" fillId="0" borderId="0" xfId="0" applyFont="1" applyAlignment="1"/>
    <xf numFmtId="0" fontId="0" fillId="0" borderId="1" xfId="0" applyBorder="1" applyAlignment="1">
      <alignment vertical="center"/>
    </xf>
    <xf numFmtId="0" fontId="4" fillId="0" borderId="2" xfId="0" applyFont="1" applyBorder="1" applyAlignment="1">
      <alignment horizontal="right"/>
    </xf>
    <xf numFmtId="0" fontId="4" fillId="0" borderId="3" xfId="0" applyFont="1" applyBorder="1" applyAlignment="1">
      <alignment horizontal="center"/>
    </xf>
    <xf numFmtId="0" fontId="0" fillId="0" borderId="3" xfId="0" applyFont="1" applyBorder="1" applyAlignment="1"/>
    <xf numFmtId="0" fontId="4" fillId="0" borderId="3" xfId="0" applyFont="1" applyBorder="1" applyAlignment="1"/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4" fillId="0" borderId="5" xfId="0" applyFont="1" applyBorder="1" applyAlignment="1"/>
    <xf numFmtId="0" fontId="4" fillId="0" borderId="0" xfId="0" applyFont="1" applyBorder="1" applyAlignment="1">
      <alignment horizontal="center"/>
    </xf>
    <xf numFmtId="0" fontId="4" fillId="0" borderId="0" xfId="0" applyFont="1" applyBorder="1" applyAlignment="1"/>
    <xf numFmtId="0" fontId="0" fillId="0" borderId="6" xfId="0" applyBorder="1" applyAlignment="1">
      <alignment vertical="center"/>
    </xf>
    <xf numFmtId="0" fontId="4" fillId="0" borderId="5" xfId="0" applyFont="1" applyBorder="1" applyAlignment="1">
      <alignment horizontal="right"/>
    </xf>
    <xf numFmtId="0" fontId="0" fillId="0" borderId="0" xfId="0" applyFont="1" applyBorder="1" applyAlignment="1"/>
    <xf numFmtId="0" fontId="4" fillId="0" borderId="0" xfId="0" applyFont="1" applyBorder="1" applyAlignment="1">
      <alignment vertical="center" textRotation="255"/>
    </xf>
    <xf numFmtId="0" fontId="4" fillId="0" borderId="0" xfId="0" applyFont="1" applyBorder="1" applyAlignment="1">
      <alignment horizontal="right"/>
    </xf>
    <xf numFmtId="0" fontId="4" fillId="0" borderId="7" xfId="0" applyFont="1" applyBorder="1" applyAlignment="1"/>
    <xf numFmtId="0" fontId="4" fillId="0" borderId="1" xfId="0" applyFont="1" applyBorder="1" applyAlignment="1"/>
    <xf numFmtId="0" fontId="4" fillId="0" borderId="1" xfId="0" applyFont="1" applyBorder="1" applyAlignment="1">
      <alignment vertical="center" textRotation="255"/>
    </xf>
    <xf numFmtId="0" fontId="4" fillId="0" borderId="1" xfId="0" applyFont="1" applyBorder="1" applyAlignment="1">
      <alignment horizontal="center"/>
    </xf>
    <xf numFmtId="0" fontId="0" fillId="0" borderId="8" xfId="0" applyBorder="1" applyAlignment="1">
      <alignment vertical="center"/>
    </xf>
    <xf numFmtId="0" fontId="10" fillId="0" borderId="9" xfId="6" applyFont="1" applyBorder="1" applyAlignment="1">
      <alignment horizontal="center" vertical="center" shrinkToFit="1"/>
    </xf>
    <xf numFmtId="38" fontId="10" fillId="0" borderId="10" xfId="1" applyFont="1" applyFill="1" applyBorder="1" applyAlignment="1">
      <alignment horizontal="left" vertical="center" wrapText="1"/>
    </xf>
    <xf numFmtId="49" fontId="10" fillId="0" borderId="11" xfId="6" applyNumberFormat="1" applyFont="1" applyBorder="1" applyAlignment="1">
      <alignment horizontal="center" vertical="center" wrapText="1"/>
    </xf>
    <xf numFmtId="0" fontId="10" fillId="0" borderId="10" xfId="6" applyFont="1" applyBorder="1" applyAlignment="1">
      <alignment horizontal="left" vertical="center" wrapText="1"/>
    </xf>
    <xf numFmtId="49" fontId="10" fillId="0" borderId="12" xfId="6" applyNumberFormat="1" applyFont="1" applyBorder="1" applyAlignment="1">
      <alignment horizontal="center" vertical="center" wrapText="1"/>
    </xf>
    <xf numFmtId="49" fontId="10" fillId="0" borderId="13" xfId="6" applyNumberFormat="1" applyFont="1" applyBorder="1" applyAlignment="1">
      <alignment vertical="center" wrapText="1"/>
    </xf>
    <xf numFmtId="0" fontId="6" fillId="0" borderId="0" xfId="6" applyFont="1" applyAlignment="1">
      <alignment vertical="center"/>
    </xf>
    <xf numFmtId="49" fontId="11" fillId="0" borderId="0" xfId="6" applyNumberFormat="1" applyFont="1" applyAlignment="1">
      <alignment vertical="center" wrapText="1"/>
    </xf>
    <xf numFmtId="0" fontId="12" fillId="0" borderId="0" xfId="6" applyFont="1" applyAlignment="1">
      <alignment vertical="center" wrapText="1"/>
    </xf>
    <xf numFmtId="0" fontId="12" fillId="0" borderId="0" xfId="6" applyFont="1" applyAlignment="1">
      <alignment horizontal="center" vertical="center" wrapText="1"/>
    </xf>
    <xf numFmtId="176" fontId="11" fillId="0" borderId="0" xfId="6" applyNumberFormat="1" applyFont="1" applyAlignment="1">
      <alignment horizontal="center" vertical="center"/>
    </xf>
    <xf numFmtId="176" fontId="11" fillId="0" borderId="0" xfId="6" applyNumberFormat="1" applyFont="1" applyAlignment="1">
      <alignment horizontal="right" vertical="center"/>
    </xf>
    <xf numFmtId="0" fontId="10" fillId="0" borderId="0" xfId="6" applyFont="1" applyAlignment="1">
      <alignment horizontal="center" vertical="center"/>
    </xf>
    <xf numFmtId="0" fontId="11" fillId="0" borderId="0" xfId="6" applyFont="1" applyAlignment="1">
      <alignment vertical="center"/>
    </xf>
    <xf numFmtId="0" fontId="11" fillId="0" borderId="0" xfId="6" applyFont="1" applyAlignment="1">
      <alignment vertical="center" wrapText="1"/>
    </xf>
    <xf numFmtId="0" fontId="11" fillId="0" borderId="0" xfId="6" applyFont="1" applyAlignment="1">
      <alignment horizontal="center" vertical="center" wrapText="1"/>
    </xf>
    <xf numFmtId="176" fontId="11" fillId="0" borderId="0" xfId="6" applyNumberFormat="1" applyFont="1" applyAlignment="1">
      <alignment vertical="center"/>
    </xf>
    <xf numFmtId="0" fontId="10" fillId="0" borderId="0" xfId="6" applyFont="1" applyAlignment="1">
      <alignment horizontal="left" vertical="center"/>
    </xf>
    <xf numFmtId="0" fontId="10" fillId="0" borderId="0" xfId="6" applyFont="1" applyAlignment="1">
      <alignment vertical="center"/>
    </xf>
    <xf numFmtId="0" fontId="13" fillId="0" borderId="0" xfId="6" applyFont="1" applyAlignment="1">
      <alignment horizontal="left" vertical="center"/>
    </xf>
    <xf numFmtId="0" fontId="13" fillId="0" borderId="0" xfId="6" applyFont="1" applyAlignment="1">
      <alignment horizontal="left" vertical="center" wrapText="1"/>
    </xf>
    <xf numFmtId="0" fontId="13" fillId="0" borderId="0" xfId="6" applyFont="1" applyAlignment="1">
      <alignment horizontal="center" vertical="center" wrapText="1"/>
    </xf>
    <xf numFmtId="176" fontId="13" fillId="0" borderId="0" xfId="6" applyNumberFormat="1" applyFont="1" applyAlignment="1">
      <alignment horizontal="left" vertical="center"/>
    </xf>
    <xf numFmtId="49" fontId="11" fillId="0" borderId="0" xfId="6" applyNumberFormat="1" applyFont="1" applyAlignment="1">
      <alignment vertical="center"/>
    </xf>
    <xf numFmtId="0" fontId="14" fillId="0" borderId="0" xfId="6" applyFont="1" applyAlignment="1">
      <alignment horizontal="right" vertical="center"/>
    </xf>
    <xf numFmtId="0" fontId="7" fillId="0" borderId="0" xfId="6" applyFont="1" applyAlignment="1">
      <alignment horizontal="right" vertical="center"/>
    </xf>
    <xf numFmtId="0" fontId="15" fillId="0" borderId="0" xfId="6" applyFont="1" applyAlignment="1">
      <alignment horizontal="center" vertical="center" wrapText="1"/>
    </xf>
    <xf numFmtId="176" fontId="15" fillId="0" borderId="0" xfId="6" applyNumberFormat="1" applyFont="1" applyAlignment="1">
      <alignment horizontal="right" vertical="center" wrapText="1"/>
    </xf>
    <xf numFmtId="176" fontId="16" fillId="0" borderId="0" xfId="6" applyNumberFormat="1" applyFont="1" applyAlignment="1">
      <alignment horizontal="right" vertical="center"/>
    </xf>
    <xf numFmtId="0" fontId="17" fillId="0" borderId="0" xfId="6" applyFont="1" applyAlignment="1">
      <alignment horizontal="left" vertical="center"/>
    </xf>
    <xf numFmtId="0" fontId="10" fillId="0" borderId="14" xfId="6" applyFont="1" applyBorder="1" applyAlignment="1">
      <alignment horizontal="center" vertical="center"/>
    </xf>
    <xf numFmtId="0" fontId="5" fillId="0" borderId="15" xfId="6" applyFont="1" applyBorder="1" applyAlignment="1">
      <alignment horizontal="distributed" vertical="center" justifyLastLine="1"/>
    </xf>
    <xf numFmtId="176" fontId="10" fillId="0" borderId="16" xfId="6" applyNumberFormat="1" applyFont="1" applyBorder="1" applyAlignment="1">
      <alignment horizontal="distributed" vertical="center" justifyLastLine="1"/>
    </xf>
    <xf numFmtId="0" fontId="10" fillId="0" borderId="17" xfId="6" applyFont="1" applyBorder="1" applyAlignment="1">
      <alignment horizontal="center" vertical="center"/>
    </xf>
    <xf numFmtId="0" fontId="5" fillId="0" borderId="18" xfId="6" applyFont="1" applyBorder="1" applyAlignment="1">
      <alignment horizontal="distributed" vertical="center" justifyLastLine="1"/>
    </xf>
    <xf numFmtId="176" fontId="10" fillId="0" borderId="18" xfId="6" applyNumberFormat="1" applyFont="1" applyBorder="1" applyAlignment="1">
      <alignment horizontal="center" vertical="center"/>
    </xf>
    <xf numFmtId="176" fontId="11" fillId="0" borderId="10" xfId="6" applyNumberFormat="1" applyFont="1" applyBorder="1" applyAlignment="1">
      <alignment horizontal="right" vertical="center" shrinkToFit="1"/>
    </xf>
    <xf numFmtId="0" fontId="12" fillId="0" borderId="19" xfId="6" applyFont="1" applyBorder="1" applyAlignment="1">
      <alignment horizontal="left" vertical="center"/>
    </xf>
    <xf numFmtId="176" fontId="10" fillId="0" borderId="20" xfId="6" applyNumberFormat="1" applyFont="1" applyBorder="1" applyAlignment="1">
      <alignment horizontal="right" vertical="center" shrinkToFit="1"/>
    </xf>
    <xf numFmtId="0" fontId="10" fillId="0" borderId="20" xfId="3" applyFont="1" applyBorder="1" applyAlignment="1">
      <alignment vertical="center"/>
    </xf>
    <xf numFmtId="0" fontId="5" fillId="0" borderId="10" xfId="6" applyFont="1" applyBorder="1" applyAlignment="1">
      <alignment horizontal="left" vertical="center" wrapText="1"/>
    </xf>
    <xf numFmtId="0" fontId="10" fillId="0" borderId="21" xfId="6" applyFont="1" applyBorder="1" applyAlignment="1">
      <alignment horizontal="left" vertical="center" wrapText="1"/>
    </xf>
    <xf numFmtId="176" fontId="11" fillId="0" borderId="21" xfId="6" applyNumberFormat="1" applyFont="1" applyBorder="1" applyAlignment="1">
      <alignment horizontal="right" vertical="center" shrinkToFit="1"/>
    </xf>
    <xf numFmtId="176" fontId="11" fillId="0" borderId="22" xfId="6" applyNumberFormat="1" applyFont="1" applyBorder="1" applyAlignment="1">
      <alignment horizontal="right" vertical="center" shrinkToFit="1"/>
    </xf>
    <xf numFmtId="0" fontId="12" fillId="0" borderId="22" xfId="6" applyFont="1" applyBorder="1" applyAlignment="1">
      <alignment horizontal="left" vertical="center"/>
    </xf>
    <xf numFmtId="0" fontId="10" fillId="0" borderId="23" xfId="3" applyFont="1" applyBorder="1" applyAlignment="1">
      <alignment vertical="center"/>
    </xf>
    <xf numFmtId="0" fontId="10" fillId="0" borderId="0" xfId="6" applyFont="1" applyAlignment="1">
      <alignment horizontal="left" vertical="center" wrapText="1"/>
    </xf>
    <xf numFmtId="176" fontId="11" fillId="0" borderId="0" xfId="6" applyNumberFormat="1" applyFont="1" applyAlignment="1">
      <alignment horizontal="right" vertical="center" shrinkToFit="1"/>
    </xf>
    <xf numFmtId="0" fontId="12" fillId="0" borderId="0" xfId="6" applyFont="1" applyAlignment="1">
      <alignment horizontal="left" vertical="center"/>
    </xf>
    <xf numFmtId="0" fontId="10" fillId="0" borderId="0" xfId="3" applyFont="1" applyAlignment="1">
      <alignment vertical="center"/>
    </xf>
    <xf numFmtId="49" fontId="10" fillId="0" borderId="13" xfId="6" applyNumberFormat="1" applyFont="1" applyBorder="1" applyAlignment="1">
      <alignment vertical="center" wrapText="1"/>
    </xf>
    <xf numFmtId="49" fontId="10" fillId="0" borderId="19" xfId="6" applyNumberFormat="1" applyFont="1" applyBorder="1" applyAlignment="1">
      <alignment vertical="center" wrapText="1"/>
    </xf>
    <xf numFmtId="49" fontId="10" fillId="0" borderId="13" xfId="6" applyNumberFormat="1" applyFont="1" applyBorder="1" applyAlignment="1">
      <alignment vertical="center" wrapText="1"/>
    </xf>
    <xf numFmtId="0" fontId="10" fillId="0" borderId="32" xfId="6" applyFont="1" applyBorder="1" applyAlignment="1">
      <alignment horizontal="center" vertical="center"/>
    </xf>
    <xf numFmtId="0" fontId="10" fillId="0" borderId="21" xfId="6" applyFont="1" applyBorder="1" applyAlignment="1">
      <alignment horizontal="center" vertical="center"/>
    </xf>
    <xf numFmtId="0" fontId="10" fillId="0" borderId="0" xfId="6" applyFont="1" applyAlignment="1">
      <alignment horizontal="right" vertical="center"/>
    </xf>
    <xf numFmtId="0" fontId="14" fillId="0" borderId="0" xfId="6" applyFont="1" applyAlignment="1">
      <alignment horizontal="right" vertical="center" wrapText="1"/>
    </xf>
    <xf numFmtId="49" fontId="10" fillId="0" borderId="31" xfId="6" applyNumberFormat="1" applyFont="1" applyBorder="1" applyAlignment="1">
      <alignment vertical="center" wrapText="1"/>
    </xf>
    <xf numFmtId="49" fontId="10" fillId="0" borderId="24" xfId="6" applyNumberFormat="1" applyFont="1" applyBorder="1" applyAlignment="1">
      <alignment horizontal="distributed" vertical="center" wrapText="1" justifyLastLine="1"/>
    </xf>
    <xf numFmtId="49" fontId="10" fillId="0" borderId="25" xfId="6" applyNumberFormat="1" applyFont="1" applyBorder="1" applyAlignment="1">
      <alignment horizontal="distributed" vertical="center" wrapText="1" justifyLastLine="1"/>
    </xf>
    <xf numFmtId="49" fontId="10" fillId="0" borderId="15" xfId="6" applyNumberFormat="1" applyFont="1" applyBorder="1" applyAlignment="1">
      <alignment horizontal="distributed" vertical="center" wrapText="1" justifyLastLine="1"/>
    </xf>
    <xf numFmtId="49" fontId="10" fillId="0" borderId="26" xfId="6" applyNumberFormat="1" applyFont="1" applyBorder="1" applyAlignment="1">
      <alignment horizontal="distributed" vertical="center" wrapText="1" justifyLastLine="1"/>
    </xf>
    <xf numFmtId="49" fontId="10" fillId="0" borderId="27" xfId="6" applyNumberFormat="1" applyFont="1" applyBorder="1" applyAlignment="1">
      <alignment horizontal="distributed" vertical="center" wrapText="1" justifyLastLine="1"/>
    </xf>
    <xf numFmtId="49" fontId="10" fillId="0" borderId="28" xfId="6" applyNumberFormat="1" applyFont="1" applyBorder="1" applyAlignment="1">
      <alignment horizontal="distributed" vertical="center" wrapText="1" justifyLastLine="1"/>
    </xf>
    <xf numFmtId="0" fontId="10" fillId="0" borderId="16" xfId="6" applyFont="1" applyBorder="1" applyAlignment="1">
      <alignment horizontal="distributed" vertical="center" wrapText="1" justifyLastLine="1"/>
    </xf>
    <xf numFmtId="0" fontId="10" fillId="0" borderId="18" xfId="6" applyFont="1" applyBorder="1" applyAlignment="1">
      <alignment horizontal="distributed" vertical="center" wrapText="1" justifyLastLine="1"/>
    </xf>
    <xf numFmtId="0" fontId="10" fillId="0" borderId="24" xfId="6" applyFont="1" applyBorder="1" applyAlignment="1">
      <alignment horizontal="distributed" vertical="center" justifyLastLine="1"/>
    </xf>
    <xf numFmtId="0" fontId="10" fillId="0" borderId="29" xfId="6" applyFont="1" applyBorder="1" applyAlignment="1">
      <alignment horizontal="distributed" vertical="center" justifyLastLine="1"/>
    </xf>
    <xf numFmtId="0" fontId="10" fillId="0" borderId="26" xfId="6" applyFont="1" applyBorder="1" applyAlignment="1">
      <alignment horizontal="distributed" vertical="center" justifyLastLine="1"/>
    </xf>
    <xf numFmtId="0" fontId="10" fillId="0" borderId="30" xfId="6" applyFont="1" applyBorder="1" applyAlignment="1">
      <alignment horizontal="distributed" vertical="center" justifyLastLine="1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</cellXfs>
  <cellStyles count="7">
    <cellStyle name="桁区切り 2" xfId="1" xr:uid="{4BB4EEBB-BCB6-40D1-8729-D257527C99EF}"/>
    <cellStyle name="桁区切り 2 2" xfId="2" xr:uid="{89872058-9D47-49CC-9D67-29546CDAAF8C}"/>
    <cellStyle name="標準" xfId="0" builtinId="0"/>
    <cellStyle name="標準 2" xfId="3" xr:uid="{BE3BF217-B74F-44D2-AA36-6F7F04A0BAC3}"/>
    <cellStyle name="標準 2 3" xfId="4" xr:uid="{89293D0E-662A-45B2-A05E-D3A84C09E59B}"/>
    <cellStyle name="標準 3" xfId="5" xr:uid="{81BAD351-69CE-4044-9CD4-2DD994C8350C}"/>
    <cellStyle name="標準_③予算事業別調書(目次様式)" xfId="6" xr:uid="{2C26D3A1-5D03-4E95-9718-FD8D76FFAF06}"/>
  </cellStyles>
  <dxfs count="2">
    <dxf>
      <fill>
        <patternFill>
          <bgColor rgb="FFFFFF00"/>
        </patternFill>
      </fill>
    </dxf>
    <dxf>
      <fill>
        <patternFill>
          <bgColor rgb="FFFFC00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/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43A558-DE88-47CA-ABAD-1DFF36F3C7EF}">
  <sheetPr>
    <pageSetUpPr fitToPage="1"/>
  </sheetPr>
  <dimension ref="A1:K18"/>
  <sheetViews>
    <sheetView tabSelected="1" view="pageBreakPreview" zoomScaleNormal="100" zoomScaleSheetLayoutView="100" workbookViewId="0">
      <pane ySplit="7" topLeftCell="A8" activePane="bottomLeft" state="frozen"/>
      <selection activeCell="A18" sqref="A18"/>
      <selection pane="bottomLeft"/>
    </sheetView>
  </sheetViews>
  <sheetFormatPr defaultColWidth="8.6640625" defaultRowHeight="18" customHeight="1"/>
  <cols>
    <col min="1" max="1" width="3.77734375" style="48" customWidth="1"/>
    <col min="2" max="4" width="1.21875" style="32" customWidth="1"/>
    <col min="5" max="5" width="25" style="32" customWidth="1"/>
    <col min="6" max="6" width="31.21875" style="40" customWidth="1"/>
    <col min="7" max="8" width="11.21875" style="35" customWidth="1"/>
    <col min="9" max="9" width="11.21875" style="41" customWidth="1"/>
    <col min="10" max="10" width="5" style="42" customWidth="1"/>
    <col min="11" max="11" width="5" style="43" customWidth="1"/>
    <col min="12" max="26" width="8.6640625" style="38" customWidth="1"/>
    <col min="27" max="16384" width="8.6640625" style="38"/>
  </cols>
  <sheetData>
    <row r="1" spans="1:11" ht="18" customHeight="1">
      <c r="A1" s="31" t="s">
        <v>25</v>
      </c>
      <c r="C1" s="33"/>
      <c r="D1" s="33"/>
      <c r="E1" s="33"/>
      <c r="F1" s="34"/>
      <c r="I1" s="36"/>
      <c r="J1" s="80"/>
      <c r="K1" s="80"/>
    </row>
    <row r="2" spans="1:11" ht="14.25" customHeight="1">
      <c r="A2" s="38"/>
      <c r="C2" s="39"/>
      <c r="D2" s="39"/>
      <c r="E2" s="39"/>
    </row>
    <row r="3" spans="1:11" ht="27.75" customHeight="1">
      <c r="A3" s="44"/>
      <c r="C3" s="45"/>
      <c r="D3" s="45"/>
      <c r="E3" s="45"/>
      <c r="F3" s="46"/>
      <c r="I3" s="47"/>
    </row>
    <row r="4" spans="1:11" ht="17.25" customHeight="1">
      <c r="G4" s="81"/>
      <c r="H4" s="81"/>
      <c r="I4" s="49"/>
      <c r="K4" s="50" t="s">
        <v>41</v>
      </c>
    </row>
    <row r="5" spans="1:11" ht="27.75" customHeight="1" thickBot="1">
      <c r="F5" s="51"/>
      <c r="G5" s="52"/>
      <c r="H5" s="52"/>
      <c r="I5" s="53"/>
      <c r="J5" s="54"/>
      <c r="K5" s="49" t="s">
        <v>26</v>
      </c>
    </row>
    <row r="6" spans="1:11" ht="15" customHeight="1">
      <c r="A6" s="55" t="s">
        <v>16</v>
      </c>
      <c r="B6" s="83" t="s">
        <v>27</v>
      </c>
      <c r="C6" s="84"/>
      <c r="D6" s="84"/>
      <c r="E6" s="85"/>
      <c r="F6" s="89" t="s">
        <v>28</v>
      </c>
      <c r="G6" s="56" t="s">
        <v>34</v>
      </c>
      <c r="H6" s="56" t="s">
        <v>42</v>
      </c>
      <c r="I6" s="57" t="s">
        <v>29</v>
      </c>
      <c r="J6" s="91" t="s">
        <v>30</v>
      </c>
      <c r="K6" s="92"/>
    </row>
    <row r="7" spans="1:11" ht="15" customHeight="1">
      <c r="A7" s="58" t="s">
        <v>17</v>
      </c>
      <c r="B7" s="86"/>
      <c r="C7" s="87"/>
      <c r="D7" s="87"/>
      <c r="E7" s="88"/>
      <c r="F7" s="90"/>
      <c r="G7" s="59" t="s">
        <v>31</v>
      </c>
      <c r="H7" s="59" t="s">
        <v>35</v>
      </c>
      <c r="I7" s="60" t="s">
        <v>32</v>
      </c>
      <c r="J7" s="93"/>
      <c r="K7" s="94"/>
    </row>
    <row r="8" spans="1:11" ht="26.4" customHeight="1">
      <c r="A8" s="25">
        <v>1</v>
      </c>
      <c r="B8" s="76" t="s">
        <v>43</v>
      </c>
      <c r="C8" s="82"/>
      <c r="D8" s="82"/>
      <c r="E8" s="77"/>
      <c r="F8" s="26"/>
      <c r="G8" s="61">
        <v>375800</v>
      </c>
      <c r="H8" s="61">
        <v>1209600</v>
      </c>
      <c r="I8" s="61">
        <f t="shared" ref="I8:I15" si="0">+H8-G8</f>
        <v>833800</v>
      </c>
      <c r="J8" s="62"/>
      <c r="K8" s="63"/>
    </row>
    <row r="9" spans="1:11" ht="26.4" customHeight="1">
      <c r="A9" s="25">
        <v>2</v>
      </c>
      <c r="B9" s="27"/>
      <c r="C9" s="76" t="s">
        <v>37</v>
      </c>
      <c r="D9" s="82"/>
      <c r="E9" s="77"/>
      <c r="F9" s="26"/>
      <c r="G9" s="61">
        <v>375200</v>
      </c>
      <c r="H9" s="61">
        <v>1209000</v>
      </c>
      <c r="I9" s="61">
        <f>+H9-G9</f>
        <v>833800</v>
      </c>
      <c r="J9" s="62"/>
      <c r="K9" s="64"/>
    </row>
    <row r="10" spans="1:11" ht="26.4" customHeight="1">
      <c r="A10" s="25">
        <v>3</v>
      </c>
      <c r="B10" s="27"/>
      <c r="C10" s="27"/>
      <c r="D10" s="76" t="s">
        <v>38</v>
      </c>
      <c r="E10" s="77"/>
      <c r="F10" s="28"/>
      <c r="G10" s="61">
        <v>375200</v>
      </c>
      <c r="H10" s="61">
        <v>1209000</v>
      </c>
      <c r="I10" s="61">
        <f t="shared" si="0"/>
        <v>833800</v>
      </c>
      <c r="J10" s="62"/>
      <c r="K10" s="64"/>
    </row>
    <row r="11" spans="1:11" ht="26.4" customHeight="1">
      <c r="A11" s="25">
        <v>4</v>
      </c>
      <c r="B11" s="27"/>
      <c r="C11" s="27"/>
      <c r="D11" s="29"/>
      <c r="E11" s="30" t="s">
        <v>39</v>
      </c>
      <c r="F11" s="65" t="s">
        <v>40</v>
      </c>
      <c r="G11" s="61">
        <v>375200</v>
      </c>
      <c r="H11" s="61">
        <v>1209000</v>
      </c>
      <c r="I11" s="61">
        <f t="shared" si="0"/>
        <v>833800</v>
      </c>
      <c r="J11" s="62"/>
      <c r="K11" s="64"/>
    </row>
    <row r="12" spans="1:11" ht="26.4" customHeight="1">
      <c r="A12" s="25">
        <v>5</v>
      </c>
      <c r="B12" s="27"/>
      <c r="C12" s="76" t="s">
        <v>23</v>
      </c>
      <c r="D12" s="82"/>
      <c r="E12" s="77"/>
      <c r="F12" s="26"/>
      <c r="G12" s="61">
        <v>600</v>
      </c>
      <c r="H12" s="61">
        <v>600</v>
      </c>
      <c r="I12" s="61">
        <f t="shared" si="0"/>
        <v>0</v>
      </c>
      <c r="J12" s="62"/>
      <c r="K12" s="64"/>
    </row>
    <row r="13" spans="1:11" ht="26.4" customHeight="1">
      <c r="A13" s="25">
        <v>6</v>
      </c>
      <c r="B13" s="27"/>
      <c r="C13" s="27"/>
      <c r="D13" s="76" t="s">
        <v>44</v>
      </c>
      <c r="E13" s="77"/>
      <c r="F13" s="28"/>
      <c r="G13" s="61">
        <v>600</v>
      </c>
      <c r="H13" s="61">
        <v>600</v>
      </c>
      <c r="I13" s="61">
        <f t="shared" si="0"/>
        <v>0</v>
      </c>
      <c r="J13" s="62"/>
      <c r="K13" s="64"/>
    </row>
    <row r="14" spans="1:11" ht="26.4" customHeight="1">
      <c r="A14" s="25">
        <v>7</v>
      </c>
      <c r="B14" s="27"/>
      <c r="C14" s="27"/>
      <c r="D14" s="29"/>
      <c r="E14" s="75" t="s">
        <v>24</v>
      </c>
      <c r="F14" s="65" t="s">
        <v>36</v>
      </c>
      <c r="G14" s="61">
        <v>600</v>
      </c>
      <c r="H14" s="61">
        <v>600</v>
      </c>
      <c r="I14" s="61">
        <f t="shared" si="0"/>
        <v>0</v>
      </c>
      <c r="J14" s="62"/>
      <c r="K14" s="64"/>
    </row>
    <row r="15" spans="1:11" ht="27.75" customHeight="1" thickBot="1">
      <c r="A15" s="78" t="s">
        <v>33</v>
      </c>
      <c r="B15" s="79"/>
      <c r="C15" s="79"/>
      <c r="D15" s="79"/>
      <c r="E15" s="79"/>
      <c r="F15" s="66"/>
      <c r="G15" s="67">
        <v>375800</v>
      </c>
      <c r="H15" s="67">
        <v>1209600</v>
      </c>
      <c r="I15" s="68">
        <f t="shared" si="0"/>
        <v>833800</v>
      </c>
      <c r="J15" s="69"/>
      <c r="K15" s="70"/>
    </row>
    <row r="16" spans="1:11" ht="8.25" customHeight="1">
      <c r="A16" s="37"/>
      <c r="B16" s="37"/>
      <c r="C16" s="37"/>
      <c r="D16" s="37"/>
      <c r="E16" s="37"/>
      <c r="F16" s="71"/>
      <c r="G16" s="72"/>
      <c r="H16" s="72"/>
      <c r="I16" s="72"/>
      <c r="J16" s="73"/>
      <c r="K16" s="74"/>
    </row>
    <row r="17" spans="1:11" s="35" customFormat="1" ht="18.75" customHeight="1">
      <c r="A17" s="48"/>
      <c r="B17" s="32"/>
      <c r="C17" s="32"/>
      <c r="D17" s="32"/>
      <c r="E17" s="32"/>
      <c r="F17" s="40"/>
      <c r="I17" s="41"/>
      <c r="J17" s="42"/>
      <c r="K17" s="43"/>
    </row>
    <row r="18" spans="1:11" s="35" customFormat="1" ht="18.75" customHeight="1">
      <c r="A18" s="48"/>
      <c r="B18" s="32"/>
      <c r="C18" s="32"/>
      <c r="D18" s="32"/>
      <c r="E18" s="32"/>
      <c r="F18" s="40"/>
      <c r="I18" s="41"/>
      <c r="J18" s="42"/>
      <c r="K18" s="43"/>
    </row>
  </sheetData>
  <mergeCells count="11">
    <mergeCell ref="D10:E10"/>
    <mergeCell ref="A15:E15"/>
    <mergeCell ref="J1:K1"/>
    <mergeCell ref="G4:H4"/>
    <mergeCell ref="C12:E12"/>
    <mergeCell ref="D13:E13"/>
    <mergeCell ref="B6:E7"/>
    <mergeCell ref="F6:F7"/>
    <mergeCell ref="J6:K7"/>
    <mergeCell ref="B8:E8"/>
    <mergeCell ref="C9:E9"/>
  </mergeCells>
  <phoneticPr fontId="3"/>
  <conditionalFormatting sqref="E8:E14">
    <cfRule type="expression" dxfId="1" priority="14">
      <formula>#REF!="○"</formula>
    </cfRule>
  </conditionalFormatting>
  <conditionalFormatting sqref="G8:H15">
    <cfRule type="expression" dxfId="0" priority="2">
      <formula>G8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3" fitToHeight="0" orientation="portrait" blackAndWhite="1" copies="2" r:id="rId1"/>
  <headerFooter>
    <oddFooter>&amp;C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DCA778-A89F-4AC0-A027-2664A9BDABAF}">
  <dimension ref="B3:Q21"/>
  <sheetViews>
    <sheetView showGridLines="0" workbookViewId="0">
      <selection activeCell="O29" sqref="O29"/>
    </sheetView>
  </sheetViews>
  <sheetFormatPr defaultColWidth="9" defaultRowHeight="13.2"/>
  <cols>
    <col min="1" max="1" width="6.88671875" style="2" customWidth="1"/>
    <col min="2" max="2" width="5.109375" style="2" customWidth="1"/>
    <col min="3" max="3" width="7" style="2" customWidth="1"/>
    <col min="4" max="13" width="9" style="2"/>
    <col min="14" max="14" width="1.44140625" style="2" customWidth="1"/>
    <col min="15" max="16384" width="9" style="2"/>
  </cols>
  <sheetData>
    <row r="3" spans="2:17">
      <c r="B3" s="6" t="s">
        <v>0</v>
      </c>
      <c r="C3" s="7" t="s">
        <v>1</v>
      </c>
      <c r="D3" s="8" t="s">
        <v>21</v>
      </c>
      <c r="E3" s="9"/>
      <c r="F3" s="9"/>
      <c r="G3" s="9"/>
      <c r="H3" s="9"/>
      <c r="I3" s="9"/>
      <c r="J3" s="9"/>
      <c r="K3" s="10"/>
      <c r="L3" s="10"/>
      <c r="M3" s="10"/>
      <c r="N3" s="10"/>
      <c r="O3" s="10"/>
      <c r="P3" s="10"/>
      <c r="Q3" s="11"/>
    </row>
    <row r="4" spans="2:17" ht="3.75" customHeight="1">
      <c r="B4" s="12"/>
      <c r="C4" s="13"/>
      <c r="D4" s="14"/>
      <c r="E4" s="14"/>
      <c r="F4" s="14"/>
      <c r="G4" s="14"/>
      <c r="H4" s="14"/>
      <c r="I4" s="14"/>
      <c r="J4" s="14"/>
      <c r="K4" s="1"/>
      <c r="L4" s="1"/>
      <c r="M4" s="1"/>
      <c r="N4" s="1"/>
      <c r="O4" s="1"/>
      <c r="P4" s="1"/>
      <c r="Q4" s="15"/>
    </row>
    <row r="5" spans="2:17">
      <c r="B5" s="12"/>
      <c r="C5" s="13"/>
      <c r="D5" s="14" t="s">
        <v>2</v>
      </c>
      <c r="E5" s="14"/>
      <c r="F5" s="14"/>
      <c r="G5" s="14"/>
      <c r="H5" s="13" t="s">
        <v>22</v>
      </c>
      <c r="I5" s="14" t="s">
        <v>3</v>
      </c>
      <c r="J5" s="14"/>
      <c r="K5" s="1"/>
      <c r="L5" s="1"/>
      <c r="M5" s="1"/>
      <c r="N5" s="1"/>
      <c r="O5" s="1"/>
      <c r="P5" s="1"/>
      <c r="Q5" s="15"/>
    </row>
    <row r="6" spans="2:17" ht="4.5" customHeight="1">
      <c r="B6" s="12"/>
      <c r="C6" s="13"/>
      <c r="D6" s="14"/>
      <c r="E6" s="14"/>
      <c r="F6" s="14"/>
      <c r="G6" s="14"/>
      <c r="H6" s="14"/>
      <c r="I6" s="14"/>
      <c r="J6" s="14"/>
      <c r="K6" s="1"/>
      <c r="L6" s="1"/>
      <c r="M6" s="1"/>
      <c r="N6" s="1"/>
      <c r="O6" s="1"/>
      <c r="P6" s="1"/>
      <c r="Q6" s="15"/>
    </row>
    <row r="7" spans="2:17">
      <c r="B7" s="16" t="s">
        <v>4</v>
      </c>
      <c r="C7" s="13" t="s">
        <v>5</v>
      </c>
      <c r="D7" s="17" t="s">
        <v>18</v>
      </c>
      <c r="E7" s="17"/>
      <c r="F7" s="14"/>
      <c r="G7" s="14"/>
      <c r="H7" s="14"/>
      <c r="I7" s="14"/>
      <c r="J7" s="14"/>
      <c r="K7" s="1"/>
      <c r="L7" s="1"/>
      <c r="M7" s="1"/>
      <c r="N7" s="1"/>
      <c r="O7" s="1"/>
      <c r="P7" s="1"/>
      <c r="Q7" s="15"/>
    </row>
    <row r="8" spans="2:17" ht="3.75" customHeight="1">
      <c r="B8" s="12"/>
      <c r="C8" s="14"/>
      <c r="D8" s="14"/>
      <c r="E8" s="14"/>
      <c r="F8" s="14"/>
      <c r="G8" s="14"/>
      <c r="H8" s="14"/>
      <c r="I8" s="14"/>
      <c r="J8" s="14"/>
      <c r="K8" s="1"/>
      <c r="L8" s="1"/>
      <c r="M8" s="1"/>
      <c r="N8" s="1"/>
      <c r="O8" s="1"/>
      <c r="P8" s="1"/>
      <c r="Q8" s="15"/>
    </row>
    <row r="9" spans="2:17">
      <c r="B9" s="12"/>
      <c r="C9" s="14"/>
      <c r="D9" s="14" t="s">
        <v>6</v>
      </c>
      <c r="E9" s="14"/>
      <c r="F9" s="14"/>
      <c r="G9" s="14"/>
      <c r="H9" s="14"/>
      <c r="I9" s="14"/>
      <c r="J9" s="14"/>
      <c r="K9" s="1"/>
      <c r="L9" s="1"/>
      <c r="M9" s="1"/>
      <c r="N9" s="1"/>
      <c r="O9" s="1"/>
      <c r="P9" s="1"/>
      <c r="Q9" s="15"/>
    </row>
    <row r="10" spans="2:17" ht="12.75" customHeight="1">
      <c r="B10" s="12"/>
      <c r="C10" s="14"/>
      <c r="D10" s="14" t="s">
        <v>7</v>
      </c>
      <c r="E10" s="14"/>
      <c r="F10" s="14"/>
      <c r="G10" s="14"/>
      <c r="H10" s="14"/>
      <c r="I10" s="14"/>
      <c r="J10" s="14"/>
      <c r="K10" s="1"/>
      <c r="L10" s="1"/>
      <c r="M10" s="1"/>
      <c r="N10" s="1"/>
      <c r="O10" s="1"/>
      <c r="P10" s="1"/>
      <c r="Q10" s="15"/>
    </row>
    <row r="11" spans="2:17" ht="12.75" customHeight="1">
      <c r="B11" s="12"/>
      <c r="C11" s="14"/>
      <c r="D11" s="14" t="s">
        <v>8</v>
      </c>
      <c r="E11" s="14"/>
      <c r="F11" s="14"/>
      <c r="G11" s="14"/>
      <c r="H11" s="13" t="s">
        <v>19</v>
      </c>
      <c r="I11" s="14" t="s">
        <v>9</v>
      </c>
      <c r="J11" s="14"/>
      <c r="K11" s="1"/>
      <c r="L11" s="1"/>
      <c r="M11" s="1"/>
      <c r="N11" s="1"/>
      <c r="O11" s="1"/>
      <c r="P11" s="1"/>
      <c r="Q11" s="15"/>
    </row>
    <row r="12" spans="2:17" ht="12.75" customHeight="1">
      <c r="B12" s="12"/>
      <c r="C12" s="14"/>
      <c r="D12" s="14" t="s">
        <v>10</v>
      </c>
      <c r="E12" s="14"/>
      <c r="F12" s="14"/>
      <c r="G12" s="14"/>
      <c r="H12" s="13"/>
      <c r="I12" s="14"/>
      <c r="J12" s="14"/>
      <c r="K12" s="1"/>
      <c r="L12" s="1"/>
      <c r="M12" s="1"/>
      <c r="N12" s="1"/>
      <c r="O12" s="1"/>
      <c r="P12" s="1"/>
      <c r="Q12" s="15"/>
    </row>
    <row r="13" spans="2:17" ht="12.75" customHeight="1">
      <c r="B13" s="12"/>
      <c r="C13" s="14"/>
      <c r="D13" s="14" t="s">
        <v>11</v>
      </c>
      <c r="E13" s="14"/>
      <c r="F13" s="14"/>
      <c r="G13" s="14"/>
      <c r="H13" s="13"/>
      <c r="I13" s="14"/>
      <c r="J13" s="14"/>
      <c r="K13" s="1"/>
      <c r="L13" s="1"/>
      <c r="M13" s="1"/>
      <c r="N13" s="1"/>
      <c r="O13" s="1"/>
      <c r="P13" s="1"/>
      <c r="Q13" s="15"/>
    </row>
    <row r="14" spans="2:17" ht="12.75" customHeight="1">
      <c r="B14" s="12"/>
      <c r="C14" s="14"/>
      <c r="D14" s="18" t="s">
        <v>20</v>
      </c>
      <c r="E14" s="14"/>
      <c r="F14" s="14"/>
      <c r="G14" s="14"/>
      <c r="H14" s="13"/>
      <c r="I14" s="14"/>
      <c r="J14" s="14"/>
      <c r="K14" s="1"/>
      <c r="L14" s="1"/>
      <c r="M14" s="1"/>
      <c r="N14" s="1"/>
      <c r="O14" s="1"/>
      <c r="P14" s="1"/>
      <c r="Q14" s="15"/>
    </row>
    <row r="15" spans="2:17" ht="4.5" customHeight="1">
      <c r="B15" s="12"/>
      <c r="C15" s="14"/>
      <c r="D15" s="14"/>
      <c r="E15" s="14"/>
      <c r="F15" s="14"/>
      <c r="G15" s="14"/>
      <c r="H15" s="13"/>
      <c r="I15" s="14"/>
      <c r="J15" s="19"/>
      <c r="K15" s="1"/>
      <c r="L15" s="1"/>
      <c r="M15" s="1"/>
      <c r="N15" s="1"/>
      <c r="O15" s="1"/>
      <c r="P15" s="1"/>
      <c r="Q15" s="15"/>
    </row>
    <row r="16" spans="2:17">
      <c r="B16" s="12"/>
      <c r="C16" s="14"/>
      <c r="D16" s="14" t="s">
        <v>12</v>
      </c>
      <c r="E16" s="14"/>
      <c r="F16" s="14"/>
      <c r="G16" s="14"/>
      <c r="H16" s="13"/>
      <c r="I16" s="14"/>
      <c r="J16" s="14"/>
      <c r="K16" s="1"/>
      <c r="L16" s="1"/>
      <c r="M16" s="1"/>
      <c r="N16" s="1"/>
      <c r="O16" s="1"/>
      <c r="P16" s="1"/>
      <c r="Q16" s="15"/>
    </row>
    <row r="17" spans="2:17">
      <c r="B17" s="12"/>
      <c r="C17" s="14"/>
      <c r="D17" s="14" t="s">
        <v>13</v>
      </c>
      <c r="E17" s="14"/>
      <c r="F17" s="14"/>
      <c r="G17" s="14"/>
      <c r="H17" s="95" t="s">
        <v>19</v>
      </c>
      <c r="I17" s="96" t="s">
        <v>14</v>
      </c>
      <c r="J17" s="96"/>
      <c r="K17" s="96"/>
      <c r="L17" s="1"/>
      <c r="M17" s="1"/>
      <c r="N17" s="1"/>
      <c r="O17" s="1"/>
      <c r="P17" s="1"/>
      <c r="Q17" s="15"/>
    </row>
    <row r="18" spans="2:17">
      <c r="B18" s="12"/>
      <c r="C18" s="14"/>
      <c r="D18" s="14" t="s">
        <v>15</v>
      </c>
      <c r="E18" s="14"/>
      <c r="F18" s="14"/>
      <c r="G18" s="14"/>
      <c r="H18" s="95"/>
      <c r="I18" s="96"/>
      <c r="J18" s="96"/>
      <c r="K18" s="96"/>
      <c r="L18" s="1"/>
      <c r="M18" s="1"/>
      <c r="N18" s="1"/>
      <c r="O18" s="1"/>
      <c r="P18" s="1"/>
      <c r="Q18" s="15"/>
    </row>
    <row r="19" spans="2:17" ht="14.4">
      <c r="B19" s="20"/>
      <c r="C19" s="21"/>
      <c r="D19" s="22" t="s">
        <v>20</v>
      </c>
      <c r="E19" s="21"/>
      <c r="F19" s="21"/>
      <c r="G19" s="21"/>
      <c r="H19" s="23"/>
      <c r="I19" s="21"/>
      <c r="J19" s="21"/>
      <c r="K19" s="5"/>
      <c r="L19" s="5"/>
      <c r="M19" s="5"/>
      <c r="N19" s="5"/>
      <c r="O19" s="5"/>
      <c r="P19" s="5"/>
      <c r="Q19" s="24"/>
    </row>
    <row r="20" spans="2:17" ht="13.5" customHeight="1">
      <c r="B20" s="4"/>
      <c r="C20" s="4"/>
      <c r="D20" s="4"/>
      <c r="E20" s="4"/>
      <c r="F20" s="4"/>
      <c r="G20" s="4"/>
      <c r="H20" s="3"/>
      <c r="I20" s="4"/>
      <c r="J20" s="4"/>
    </row>
    <row r="21" spans="2:17">
      <c r="B21" s="4"/>
      <c r="C21" s="4"/>
      <c r="D21" s="4"/>
      <c r="E21" s="4"/>
      <c r="F21" s="4"/>
      <c r="G21" s="4"/>
      <c r="H21" s="4"/>
      <c r="I21" s="4"/>
      <c r="J21" s="4"/>
    </row>
  </sheetData>
  <mergeCells count="2">
    <mergeCell ref="H17:H18"/>
    <mergeCell ref="I17:K18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5歳入一覧</vt:lpstr>
      <vt:lpstr>カメラ</vt:lpstr>
      <vt:lpstr>様式5歳入一覧!Print_Area</vt:lpstr>
      <vt:lpstr>様式5歳入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7T05:36:27Z</dcterms:created>
  <dcterms:modified xsi:type="dcterms:W3CDTF">2026-02-18T00:40:03Z</dcterms:modified>
</cp:coreProperties>
</file>